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2">
  <p:sldMasterIdLst>
    <p:sldMasterId id="2147483648" r:id="rId4"/>
    <p:sldMasterId id="2147483749" r:id="rId5"/>
  </p:sldMasterIdLst>
  <p:notesMasterIdLst>
    <p:notesMasterId r:id="rId29"/>
  </p:notesMasterIdLst>
  <p:sldIdLst>
    <p:sldId id="2145707759" r:id="rId6"/>
    <p:sldId id="2145707787" r:id="rId7"/>
    <p:sldId id="2145707760" r:id="rId8"/>
    <p:sldId id="2145707775" r:id="rId9"/>
    <p:sldId id="2145707792" r:id="rId10"/>
    <p:sldId id="2145707791" r:id="rId11"/>
    <p:sldId id="4707" r:id="rId12"/>
    <p:sldId id="2145707799" r:id="rId13"/>
    <p:sldId id="2145707794" r:id="rId14"/>
    <p:sldId id="285" r:id="rId15"/>
    <p:sldId id="286" r:id="rId16"/>
    <p:sldId id="2145707797" r:id="rId17"/>
    <p:sldId id="267" r:id="rId18"/>
    <p:sldId id="2145707798" r:id="rId19"/>
    <p:sldId id="2145707793" r:id="rId20"/>
    <p:sldId id="2145707800" r:id="rId21"/>
    <p:sldId id="4709" r:id="rId22"/>
    <p:sldId id="4708" r:id="rId23"/>
    <p:sldId id="4703" r:id="rId24"/>
    <p:sldId id="262" r:id="rId25"/>
    <p:sldId id="2145707796" r:id="rId26"/>
    <p:sldId id="4698" r:id="rId27"/>
    <p:sldId id="2145707762" r:id="rId28"/>
  </p:sldIdLst>
  <p:sldSz cx="12192000" cy="6858000"/>
  <p:notesSz cx="6858000" cy="9144000"/>
  <p:defaultTextStyle>
    <a:defPPr>
      <a:defRPr lang="es-C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ección predeterminada" id="{7AF29CCD-6670-AA4A-9E85-43266D91E2D2}">
          <p14:sldIdLst>
            <p14:sldId id="2145707759"/>
            <p14:sldId id="2145707787"/>
            <p14:sldId id="2145707760"/>
            <p14:sldId id="2145707775"/>
            <p14:sldId id="2145707792"/>
            <p14:sldId id="2145707791"/>
            <p14:sldId id="4707"/>
            <p14:sldId id="2145707799"/>
            <p14:sldId id="2145707794"/>
            <p14:sldId id="285"/>
            <p14:sldId id="286"/>
            <p14:sldId id="2145707797"/>
            <p14:sldId id="267"/>
            <p14:sldId id="2145707798"/>
            <p14:sldId id="2145707793"/>
            <p14:sldId id="2145707800"/>
            <p14:sldId id="4709"/>
            <p14:sldId id="4708"/>
            <p14:sldId id="4703"/>
            <p14:sldId id="262"/>
            <p14:sldId id="2145707796"/>
            <p14:sldId id="4698"/>
            <p14:sldId id="2145707762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enovo" initials="L" lastIdx="2" clrIdx="0">
    <p:extLst>
      <p:ext uri="{19B8F6BF-5375-455C-9EA6-DF929625EA0E}">
        <p15:presenceInfo xmlns:p15="http://schemas.microsoft.com/office/powerpoint/2012/main" userId="Lenovo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9723E"/>
    <a:srgbClr val="FF9900"/>
    <a:srgbClr val="FFCE00"/>
    <a:srgbClr val="FFFF99"/>
    <a:srgbClr val="66FFFF"/>
    <a:srgbClr val="FF66FF"/>
    <a:srgbClr val="FF99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66B72D7-D689-46A2-86D2-453A33C3A1BF}" v="407" dt="2024-04-24T17:25:32.219"/>
    <p1510:client id="{FC96E816-2413-F51E-0DE0-58521D9AA852}" v="91" dt="2024-04-24T14:05:21.684"/>
  </p1510:revLst>
</p1510:revInfo>
</file>

<file path=ppt/tableStyles.xml><?xml version="1.0" encoding="utf-8"?>
<a:tblStyleLst xmlns:a="http://schemas.openxmlformats.org/drawingml/2006/main" def="{5C22544A-7EE6-4342-B048-85BDC9FD1C3A}">
  <a:tblStyle styleId="{775DCB02-9BB8-47FD-8907-85C794F793BA}" styleName="Estilo temático 1 - Énfasis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  <a:tblStyle styleId="{C4B1156A-380E-4F78-BDF5-A606A8083BF9}" styleName="Estilo medio 4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E929F9F4-4A8F-4326-A1B4-22849713DDAB}" styleName="Estilo oscuro 1 - Énfasis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ED083AE6-46FA-4A59-8FB0-9F97EB10719F}" styleName="Estilo claro 3 - Acento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E269D01E-BC32-4049-B463-5C60D7B0CCD2}" styleName="Estilo temático 2 - Énfasis 4">
    <a:tblBg>
      <a:fillRef idx="3">
        <a:schemeClr val="accent4"/>
      </a:fillRef>
      <a:effectRef idx="3">
        <a:schemeClr val="accent4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4">
                <a:tint val="50000"/>
              </a:schemeClr>
            </a:lnRef>
          </a:left>
          <a:right>
            <a:lnRef idx="1">
              <a:schemeClr val="accent4">
                <a:tint val="50000"/>
              </a:schemeClr>
            </a:lnRef>
          </a:right>
          <a:top>
            <a:lnRef idx="1">
              <a:schemeClr val="accent4">
                <a:tint val="50000"/>
              </a:schemeClr>
            </a:lnRef>
          </a:top>
          <a:bottom>
            <a:lnRef idx="1">
              <a:schemeClr val="accent4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E171933-4619-4E11-9A3F-F7608DF75F80}" styleName="Estilo medio 1 - Énfasis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00A15C55-8517-42AA-B614-E9B94910E393}" styleName="Estilo medio 2 - Énfasis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D27102A9-8310-4765-A935-A1911B00CA55}" styleName="Estilo claro 1 - Acento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68D230F3-CF80-4859-8CE7-A43EE81993B5}" styleName="Estilo claro 1 - Acento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5C22544A-7EE6-4342-B048-85BDC9FD1C3A}" styleName="Estilo medio 2 - Énfasi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Estilo medio 2 - Énfasis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6D9F66E-5EB9-4882-86FB-DCBF35E3C3E4}" styleName="Estilo medio 4 - Énfasis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10A1B5D5-9B99-4C35-A422-299274C87663}" styleName="Estilo medio 1 - Énfasis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E8B1032C-EA38-4F05-BA0D-38AFFFC7BED3}" styleName="Estilo claro 3 - Acento 6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2D5ABB26-0587-4C30-8999-92F81FD0307C}" styleName="Sin estilo ni cuadrícula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C083E6E3-FA7D-4D7B-A595-EF9225AFEA82}" styleName="Estilo claro 1 - Acento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Estilo medio 2 - Énfasis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306799F8-075E-4A3A-A7F6-7FBC6576F1A4}" styleName="Estilo temático 2 - Énfasis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9C7853C-536D-4A76-A0AE-DD22124D55A5}" styleName="Estilo temático 1 - Énfasis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69012ECD-51FC-41F1-AA8D-1B2483CD663E}" styleName="Estilo claro 2 - Acento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slideViewPr>
    <p:cSldViewPr snapToGrid="0">
      <p:cViewPr>
        <p:scale>
          <a:sx n="1" d="2"/>
          <a:sy n="1" d="2"/>
        </p:scale>
        <p:origin x="0" y="0"/>
      </p:cViewPr>
      <p:guideLst/>
    </p:cSldViewPr>
  </p:slide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tableStyles" Target="tableStyle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microsoft.com/office/2015/10/relationships/revisionInfo" Target="revisionInfo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commentAuthors" Target="commentAuthors.xml"/><Relationship Id="rId35" Type="http://schemas.microsoft.com/office/2016/11/relationships/changesInfo" Target="changesInfos/changesInfo1.xml"/><Relationship Id="rId8" Type="http://schemas.openxmlformats.org/officeDocument/2006/relationships/slide" Target="slides/slide3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Geraldinne Yizeth Mendoza Rodriguez" userId="S::geraldinemendoza@supertransporte.gov.co::ad0510dc-b32c-4c8d-8743-33dce9345282" providerId="AD" clId="Web-{FC96E816-2413-F51E-0DE0-58521D9AA852}"/>
    <pc:docChg chg="modSld">
      <pc:chgData name="Geraldinne Yizeth Mendoza Rodriguez" userId="S::geraldinemendoza@supertransporte.gov.co::ad0510dc-b32c-4c8d-8743-33dce9345282" providerId="AD" clId="Web-{FC96E816-2413-F51E-0DE0-58521D9AA852}" dt="2024-04-24T14:05:21.684" v="77" actId="14100"/>
      <pc:docMkLst>
        <pc:docMk/>
      </pc:docMkLst>
      <pc:sldChg chg="delSp modSp">
        <pc:chgData name="Geraldinne Yizeth Mendoza Rodriguez" userId="S::geraldinemendoza@supertransporte.gov.co::ad0510dc-b32c-4c8d-8743-33dce9345282" providerId="AD" clId="Web-{FC96E816-2413-F51E-0DE0-58521D9AA852}" dt="2024-04-24T13:39:54.254" v="63" actId="1076"/>
        <pc:sldMkLst>
          <pc:docMk/>
          <pc:sldMk cId="734010219" sldId="4708"/>
        </pc:sldMkLst>
        <pc:spChg chg="mod">
          <ac:chgData name="Geraldinne Yizeth Mendoza Rodriguez" userId="S::geraldinemendoza@supertransporte.gov.co::ad0510dc-b32c-4c8d-8743-33dce9345282" providerId="AD" clId="Web-{FC96E816-2413-F51E-0DE0-58521D9AA852}" dt="2024-04-24T13:39:40.004" v="58" actId="1076"/>
          <ac:spMkLst>
            <pc:docMk/>
            <pc:sldMk cId="734010219" sldId="4708"/>
            <ac:spMk id="6" creationId="{43961784-A23C-BA19-7252-A2EFBCEDF05C}"/>
          </ac:spMkLst>
        </pc:spChg>
        <pc:spChg chg="mod">
          <ac:chgData name="Geraldinne Yizeth Mendoza Rodriguez" userId="S::geraldinemendoza@supertransporte.gov.co::ad0510dc-b32c-4c8d-8743-33dce9345282" providerId="AD" clId="Web-{FC96E816-2413-F51E-0DE0-58521D9AA852}" dt="2024-04-24T13:39:37.598" v="56" actId="1076"/>
          <ac:spMkLst>
            <pc:docMk/>
            <pc:sldMk cId="734010219" sldId="4708"/>
            <ac:spMk id="32" creationId="{5CEAB17E-A2F0-E2CC-21AD-E5013EB23D00}"/>
          </ac:spMkLst>
        </pc:spChg>
        <pc:spChg chg="mod">
          <ac:chgData name="Geraldinne Yizeth Mendoza Rodriguez" userId="S::geraldinemendoza@supertransporte.gov.co::ad0510dc-b32c-4c8d-8743-33dce9345282" providerId="AD" clId="Web-{FC96E816-2413-F51E-0DE0-58521D9AA852}" dt="2024-04-24T13:39:54.254" v="63" actId="1076"/>
          <ac:spMkLst>
            <pc:docMk/>
            <pc:sldMk cId="734010219" sldId="4708"/>
            <ac:spMk id="37" creationId="{E84D6101-2327-6A2C-087C-65524E42F6EB}"/>
          </ac:spMkLst>
        </pc:spChg>
        <pc:picChg chg="mod">
          <ac:chgData name="Geraldinne Yizeth Mendoza Rodriguez" userId="S::geraldinemendoza@supertransporte.gov.co::ad0510dc-b32c-4c8d-8743-33dce9345282" providerId="AD" clId="Web-{FC96E816-2413-F51E-0DE0-58521D9AA852}" dt="2024-04-24T13:39:37.723" v="57" actId="1076"/>
          <ac:picMkLst>
            <pc:docMk/>
            <pc:sldMk cId="734010219" sldId="4708"/>
            <ac:picMk id="2" creationId="{12637E37-F937-3CF6-1374-84762142A94E}"/>
          </ac:picMkLst>
        </pc:picChg>
        <pc:picChg chg="mod">
          <ac:chgData name="Geraldinne Yizeth Mendoza Rodriguez" userId="S::geraldinemendoza@supertransporte.gov.co::ad0510dc-b32c-4c8d-8743-33dce9345282" providerId="AD" clId="Web-{FC96E816-2413-F51E-0DE0-58521D9AA852}" dt="2024-04-24T13:38:57.440" v="51" actId="1076"/>
          <ac:picMkLst>
            <pc:docMk/>
            <pc:sldMk cId="734010219" sldId="4708"/>
            <ac:picMk id="13" creationId="{4EEEAA87-AC05-491F-1280-97ABC2596684}"/>
          </ac:picMkLst>
        </pc:picChg>
        <pc:picChg chg="del">
          <ac:chgData name="Geraldinne Yizeth Mendoza Rodriguez" userId="S::geraldinemendoza@supertransporte.gov.co::ad0510dc-b32c-4c8d-8743-33dce9345282" providerId="AD" clId="Web-{FC96E816-2413-F51E-0DE0-58521D9AA852}" dt="2024-04-24T13:36:05.483" v="0"/>
          <ac:picMkLst>
            <pc:docMk/>
            <pc:sldMk cId="734010219" sldId="4708"/>
            <ac:picMk id="34" creationId="{9389FF42-7638-E39B-4D15-519FF4C0E2BB}"/>
          </ac:picMkLst>
        </pc:picChg>
      </pc:sldChg>
      <pc:sldChg chg="delSp modSp">
        <pc:chgData name="Geraldinne Yizeth Mendoza Rodriguez" userId="S::geraldinemendoza@supertransporte.gov.co::ad0510dc-b32c-4c8d-8743-33dce9345282" providerId="AD" clId="Web-{FC96E816-2413-F51E-0DE0-58521D9AA852}" dt="2024-04-24T14:05:21.684" v="77" actId="14100"/>
        <pc:sldMkLst>
          <pc:docMk/>
          <pc:sldMk cId="3369557186" sldId="4709"/>
        </pc:sldMkLst>
        <pc:spChg chg="mod">
          <ac:chgData name="Geraldinne Yizeth Mendoza Rodriguez" userId="S::geraldinemendoza@supertransporte.gov.co::ad0510dc-b32c-4c8d-8743-33dce9345282" providerId="AD" clId="Web-{FC96E816-2413-F51E-0DE0-58521D9AA852}" dt="2024-04-24T13:38:41.190" v="40" actId="1076"/>
          <ac:spMkLst>
            <pc:docMk/>
            <pc:sldMk cId="3369557186" sldId="4709"/>
            <ac:spMk id="8" creationId="{E7A858C3-2C40-164F-D8A7-F31A9B2B3644}"/>
          </ac:spMkLst>
        </pc:spChg>
        <pc:spChg chg="mod">
          <ac:chgData name="Geraldinne Yizeth Mendoza Rodriguez" userId="S::geraldinemendoza@supertransporte.gov.co::ad0510dc-b32c-4c8d-8743-33dce9345282" providerId="AD" clId="Web-{FC96E816-2413-F51E-0DE0-58521D9AA852}" dt="2024-04-24T13:38:38.924" v="39" actId="1076"/>
          <ac:spMkLst>
            <pc:docMk/>
            <pc:sldMk cId="3369557186" sldId="4709"/>
            <ac:spMk id="11" creationId="{677FB587-C976-B5EC-D01B-BB5EDAD445E1}"/>
          </ac:spMkLst>
        </pc:spChg>
        <pc:spChg chg="mod">
          <ac:chgData name="Geraldinne Yizeth Mendoza Rodriguez" userId="S::geraldinemendoza@supertransporte.gov.co::ad0510dc-b32c-4c8d-8743-33dce9345282" providerId="AD" clId="Web-{FC96E816-2413-F51E-0DE0-58521D9AA852}" dt="2024-04-24T14:05:14.106" v="75" actId="1076"/>
          <ac:spMkLst>
            <pc:docMk/>
            <pc:sldMk cId="3369557186" sldId="4709"/>
            <ac:spMk id="12" creationId="{E3D775BF-FFB2-4D2D-FD3E-3660E30E2611}"/>
          </ac:spMkLst>
        </pc:spChg>
        <pc:picChg chg="mod">
          <ac:chgData name="Geraldinne Yizeth Mendoza Rodriguez" userId="S::geraldinemendoza@supertransporte.gov.co::ad0510dc-b32c-4c8d-8743-33dce9345282" providerId="AD" clId="Web-{FC96E816-2413-F51E-0DE0-58521D9AA852}" dt="2024-04-24T14:05:21.684" v="77" actId="14100"/>
          <ac:picMkLst>
            <pc:docMk/>
            <pc:sldMk cId="3369557186" sldId="4709"/>
            <ac:picMk id="2" creationId="{C2F09CAF-D7AB-46A4-EFE5-C66CDEA5DA86}"/>
          </ac:picMkLst>
        </pc:picChg>
        <pc:picChg chg="del">
          <ac:chgData name="Geraldinne Yizeth Mendoza Rodriguez" userId="S::geraldinemendoza@supertransporte.gov.co::ad0510dc-b32c-4c8d-8743-33dce9345282" providerId="AD" clId="Web-{FC96E816-2413-F51E-0DE0-58521D9AA852}" dt="2024-04-24T13:36:57.969" v="17"/>
          <ac:picMkLst>
            <pc:docMk/>
            <pc:sldMk cId="3369557186" sldId="4709"/>
            <ac:picMk id="3" creationId="{6A2282DF-E9F6-80EC-6742-A623B41514B4}"/>
          </ac:picMkLst>
        </pc:picChg>
        <pc:picChg chg="mod">
          <ac:chgData name="Geraldinne Yizeth Mendoza Rodriguez" userId="S::geraldinemendoza@supertransporte.gov.co::ad0510dc-b32c-4c8d-8743-33dce9345282" providerId="AD" clId="Web-{FC96E816-2413-F51E-0DE0-58521D9AA852}" dt="2024-04-24T13:38:07.595" v="34" actId="1076"/>
          <ac:picMkLst>
            <pc:docMk/>
            <pc:sldMk cId="3369557186" sldId="4709"/>
            <ac:picMk id="13" creationId="{4EEEAA87-AC05-491F-1280-97ABC2596684}"/>
          </ac:picMkLst>
        </pc:picChg>
      </pc:sldChg>
    </pc:docChg>
  </pc:docChgLst>
  <pc:docChgLst>
    <pc:chgData name="Jelkin Zair Carrillo Franco" userId="S::jelkincarrillo@supertransporte.gov.co::ed932c4b-6ae5-4e5d-8066-e1669f51aa79" providerId="AD" clId="Web-{1FDC179D-6507-49C9-B831-A32B5AEAB9B4}"/>
    <pc:docChg chg="addSld modSld modSection">
      <pc:chgData name="Jelkin Zair Carrillo Franco" userId="S::jelkincarrillo@supertransporte.gov.co::ed932c4b-6ae5-4e5d-8066-e1669f51aa79" providerId="AD" clId="Web-{1FDC179D-6507-49C9-B831-A32B5AEAB9B4}" dt="2024-04-11T05:17:13.818" v="448"/>
      <pc:docMkLst>
        <pc:docMk/>
      </pc:docMkLst>
      <pc:sldChg chg="addSp delSp modSp add replId">
        <pc:chgData name="Jelkin Zair Carrillo Franco" userId="S::jelkincarrillo@supertransporte.gov.co::ed932c4b-6ae5-4e5d-8066-e1669f51aa79" providerId="AD" clId="Web-{1FDC179D-6507-49C9-B831-A32B5AEAB9B4}" dt="2024-04-11T05:17:13.818" v="448"/>
        <pc:sldMkLst>
          <pc:docMk/>
          <pc:sldMk cId="209872008" sldId="2145707797"/>
        </pc:sldMkLst>
        <pc:spChg chg="del">
          <ac:chgData name="Jelkin Zair Carrillo Franco" userId="S::jelkincarrillo@supertransporte.gov.co::ed932c4b-6ae5-4e5d-8066-e1669f51aa79" providerId="AD" clId="Web-{1FDC179D-6507-49C9-B831-A32B5AEAB9B4}" dt="2024-04-11T05:15:25.766" v="1"/>
          <ac:spMkLst>
            <pc:docMk/>
            <pc:sldMk cId="209872008" sldId="2145707797"/>
            <ac:spMk id="8" creationId="{00000000-0000-0000-0000-000000000000}"/>
          </ac:spMkLst>
        </pc:spChg>
        <pc:spChg chg="mod">
          <ac:chgData name="Jelkin Zair Carrillo Franco" userId="S::jelkincarrillo@supertransporte.gov.co::ed932c4b-6ae5-4e5d-8066-e1669f51aa79" providerId="AD" clId="Web-{1FDC179D-6507-49C9-B831-A32B5AEAB9B4}" dt="2024-04-11T05:15:43.173" v="7" actId="20577"/>
          <ac:spMkLst>
            <pc:docMk/>
            <pc:sldMk cId="209872008" sldId="2145707797"/>
            <ac:spMk id="13" creationId="{6C3CDDFF-D382-63DE-2578-966E3874D493}"/>
          </ac:spMkLst>
        </pc:spChg>
        <pc:graphicFrameChg chg="add mod modGraphic">
          <ac:chgData name="Jelkin Zair Carrillo Franco" userId="S::jelkincarrillo@supertransporte.gov.co::ed932c4b-6ae5-4e5d-8066-e1669f51aa79" providerId="AD" clId="Web-{1FDC179D-6507-49C9-B831-A32B5AEAB9B4}" dt="2024-04-11T05:17:05.739" v="447" actId="1076"/>
          <ac:graphicFrameMkLst>
            <pc:docMk/>
            <pc:sldMk cId="209872008" sldId="2145707797"/>
            <ac:graphicFrameMk id="12" creationId="{40E70DE2-7DCB-E261-95B9-CCAD29A812C8}"/>
          </ac:graphicFrameMkLst>
        </pc:graphicFrameChg>
        <pc:picChg chg="add mod">
          <ac:chgData name="Jelkin Zair Carrillo Franco" userId="S::jelkincarrillo@supertransporte.gov.co::ed932c4b-6ae5-4e5d-8066-e1669f51aa79" providerId="AD" clId="Web-{1FDC179D-6507-49C9-B831-A32B5AEAB9B4}" dt="2024-04-11T05:17:13.818" v="448"/>
          <ac:picMkLst>
            <pc:docMk/>
            <pc:sldMk cId="209872008" sldId="2145707797"/>
            <ac:picMk id="14" creationId="{16C9BF04-01E3-899A-9C41-766A2AFC37EC}"/>
          </ac:picMkLst>
        </pc:picChg>
      </pc:sldChg>
    </pc:docChg>
  </pc:docChgLst>
  <pc:docChgLst>
    <pc:chgData name="Jelkin Zair Carrillo Franco" userId="ed932c4b-6ae5-4e5d-8066-e1669f51aa79" providerId="ADAL" clId="{FB45BCCB-88A0-864A-913F-2AD4991A1569}"/>
    <pc:docChg chg="undo custSel addSld delSld modSld sldOrd modSection">
      <pc:chgData name="Jelkin Zair Carrillo Franco" userId="ed932c4b-6ae5-4e5d-8066-e1669f51aa79" providerId="ADAL" clId="{FB45BCCB-88A0-864A-913F-2AD4991A1569}" dt="2024-04-11T13:15:35.433" v="2731" actId="20578"/>
      <pc:docMkLst>
        <pc:docMk/>
      </pc:docMkLst>
      <pc:sldChg chg="modSp mod ord">
        <pc:chgData name="Jelkin Zair Carrillo Franco" userId="ed932c4b-6ae5-4e5d-8066-e1669f51aa79" providerId="ADAL" clId="{FB45BCCB-88A0-864A-913F-2AD4991A1569}" dt="2024-04-11T13:15:31.418" v="2730" actId="1076"/>
        <pc:sldMkLst>
          <pc:docMk/>
          <pc:sldMk cId="1458161526" sldId="262"/>
        </pc:sldMkLst>
        <pc:spChg chg="mod">
          <ac:chgData name="Jelkin Zair Carrillo Franco" userId="ed932c4b-6ae5-4e5d-8066-e1669f51aa79" providerId="ADAL" clId="{FB45BCCB-88A0-864A-913F-2AD4991A1569}" dt="2024-04-11T13:15:31.418" v="2730" actId="1076"/>
          <ac:spMkLst>
            <pc:docMk/>
            <pc:sldMk cId="1458161526" sldId="262"/>
            <ac:spMk id="5" creationId="{A5DD9007-1824-0111-8B15-6EBD055F3EBF}"/>
          </ac:spMkLst>
        </pc:spChg>
      </pc:sldChg>
      <pc:sldChg chg="addSp delSp modSp mod">
        <pc:chgData name="Jelkin Zair Carrillo Franco" userId="ed932c4b-6ae5-4e5d-8066-e1669f51aa79" providerId="ADAL" clId="{FB45BCCB-88A0-864A-913F-2AD4991A1569}" dt="2024-04-11T05:41:26.335" v="740" actId="5793"/>
        <pc:sldMkLst>
          <pc:docMk/>
          <pc:sldMk cId="0" sldId="267"/>
        </pc:sldMkLst>
        <pc:spChg chg="add del mod">
          <ac:chgData name="Jelkin Zair Carrillo Franco" userId="ed932c4b-6ae5-4e5d-8066-e1669f51aa79" providerId="ADAL" clId="{FB45BCCB-88A0-864A-913F-2AD4991A1569}" dt="2024-04-11T05:40:58.063" v="732" actId="478"/>
          <ac:spMkLst>
            <pc:docMk/>
            <pc:sldMk cId="0" sldId="267"/>
            <ac:spMk id="8" creationId="{21B67A4A-D064-ED68-CA57-2954E605D86B}"/>
          </ac:spMkLst>
        </pc:spChg>
        <pc:spChg chg="mod">
          <ac:chgData name="Jelkin Zair Carrillo Franco" userId="ed932c4b-6ae5-4e5d-8066-e1669f51aa79" providerId="ADAL" clId="{FB45BCCB-88A0-864A-913F-2AD4991A1569}" dt="2024-04-11T05:41:05.905" v="734" actId="1076"/>
          <ac:spMkLst>
            <pc:docMk/>
            <pc:sldMk cId="0" sldId="267"/>
            <ac:spMk id="12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1:26.335" v="740" actId="5793"/>
          <ac:spMkLst>
            <pc:docMk/>
            <pc:sldMk cId="0" sldId="267"/>
            <ac:spMk id="26" creationId="{00000000-0000-0000-0000-000000000000}"/>
          </ac:spMkLst>
        </pc:spChg>
      </pc:sldChg>
      <pc:sldChg chg="modSp mod">
        <pc:chgData name="Jelkin Zair Carrillo Franco" userId="ed932c4b-6ae5-4e5d-8066-e1669f51aa79" providerId="ADAL" clId="{FB45BCCB-88A0-864A-913F-2AD4991A1569}" dt="2024-04-11T05:40:38.605" v="730" actId="14100"/>
        <pc:sldMkLst>
          <pc:docMk/>
          <pc:sldMk cId="0" sldId="285"/>
        </pc:sldMkLst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4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5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6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7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8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9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1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2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4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5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7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18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0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1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3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4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6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7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29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0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2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3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5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6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8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03.311" v="722" actId="790"/>
          <ac:spMkLst>
            <pc:docMk/>
            <pc:sldMk cId="0" sldId="285"/>
            <ac:spMk id="39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40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41" creationId="{00000000-0000-0000-0000-000000000000}"/>
          </ac:spMkLst>
        </pc:spChg>
        <pc:spChg chg="mod">
          <ac:chgData name="Jelkin Zair Carrillo Franco" userId="ed932c4b-6ae5-4e5d-8066-e1669f51aa79" providerId="ADAL" clId="{FB45BCCB-88A0-864A-913F-2AD4991A1569}" dt="2024-04-11T05:40:14.997" v="724" actId="1076"/>
          <ac:spMkLst>
            <pc:docMk/>
            <pc:sldMk cId="0" sldId="285"/>
            <ac:spMk id="43" creationId="{F6A2318C-5767-8AD1-AEF9-E8385CD9682B}"/>
          </ac:spMkLst>
        </pc:spChg>
        <pc:grpChg chg="mod">
          <ac:chgData name="Jelkin Zair Carrillo Franco" userId="ed932c4b-6ae5-4e5d-8066-e1669f51aa79" providerId="ADAL" clId="{FB45BCCB-88A0-864A-913F-2AD4991A1569}" dt="2024-04-11T05:40:38.605" v="730" actId="14100"/>
          <ac:grpSpMkLst>
            <pc:docMk/>
            <pc:sldMk cId="0" sldId="285"/>
            <ac:grpSpMk id="2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10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13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16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19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22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25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28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31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34" creationId="{00000000-0000-0000-0000-000000000000}"/>
          </ac:grpSpMkLst>
        </pc:grpChg>
        <pc:grpChg chg="mod">
          <ac:chgData name="Jelkin Zair Carrillo Franco" userId="ed932c4b-6ae5-4e5d-8066-e1669f51aa79" providerId="ADAL" clId="{FB45BCCB-88A0-864A-913F-2AD4991A1569}" dt="2024-04-11T05:40:14.997" v="724" actId="1076"/>
          <ac:grpSpMkLst>
            <pc:docMk/>
            <pc:sldMk cId="0" sldId="285"/>
            <ac:grpSpMk id="37" creationId="{00000000-0000-0000-0000-000000000000}"/>
          </ac:grpSpMkLst>
        </pc:grpChg>
      </pc:sldChg>
      <pc:sldChg chg="ord">
        <pc:chgData name="Jelkin Zair Carrillo Franco" userId="ed932c4b-6ae5-4e5d-8066-e1669f51aa79" providerId="ADAL" clId="{FB45BCCB-88A0-864A-913F-2AD4991A1569}" dt="2024-04-11T11:57:45.979" v="744" actId="20578"/>
        <pc:sldMkLst>
          <pc:docMk/>
          <pc:sldMk cId="0" sldId="286"/>
        </pc:sldMkLst>
      </pc:sldChg>
      <pc:sldChg chg="ord">
        <pc:chgData name="Jelkin Zair Carrillo Franco" userId="ed932c4b-6ae5-4e5d-8066-e1669f51aa79" providerId="ADAL" clId="{FB45BCCB-88A0-864A-913F-2AD4991A1569}" dt="2024-04-11T12:39:14.890" v="2281" actId="20578"/>
        <pc:sldMkLst>
          <pc:docMk/>
          <pc:sldMk cId="205771365" sldId="4698"/>
        </pc:sldMkLst>
      </pc:sldChg>
      <pc:sldChg chg="ord">
        <pc:chgData name="Jelkin Zair Carrillo Franco" userId="ed932c4b-6ae5-4e5d-8066-e1669f51aa79" providerId="ADAL" clId="{FB45BCCB-88A0-864A-913F-2AD4991A1569}" dt="2024-04-11T11:57:31.977" v="742" actId="20578"/>
        <pc:sldMkLst>
          <pc:docMk/>
          <pc:sldMk cId="2202803030" sldId="4707"/>
        </pc:sldMkLst>
      </pc:sldChg>
      <pc:sldChg chg="modSp mod">
        <pc:chgData name="Jelkin Zair Carrillo Franco" userId="ed932c4b-6ae5-4e5d-8066-e1669f51aa79" providerId="ADAL" clId="{FB45BCCB-88A0-864A-913F-2AD4991A1569}" dt="2024-04-11T05:27:48.699" v="139" actId="1076"/>
        <pc:sldMkLst>
          <pc:docMk/>
          <pc:sldMk cId="2453405614" sldId="2145707791"/>
        </pc:sldMkLst>
        <pc:picChg chg="mod">
          <ac:chgData name="Jelkin Zair Carrillo Franco" userId="ed932c4b-6ae5-4e5d-8066-e1669f51aa79" providerId="ADAL" clId="{FB45BCCB-88A0-864A-913F-2AD4991A1569}" dt="2024-04-11T05:27:48.699" v="139" actId="1076"/>
          <ac:picMkLst>
            <pc:docMk/>
            <pc:sldMk cId="2453405614" sldId="2145707791"/>
            <ac:picMk id="2" creationId="{D140A591-37AA-6EF8-41B7-708115169E59}"/>
          </ac:picMkLst>
        </pc:picChg>
      </pc:sldChg>
      <pc:sldChg chg="addSp modSp del mod">
        <pc:chgData name="Jelkin Zair Carrillo Franco" userId="ed932c4b-6ae5-4e5d-8066-e1669f51aa79" providerId="ADAL" clId="{FB45BCCB-88A0-864A-913F-2AD4991A1569}" dt="2024-04-11T13:14:48.248" v="2720" actId="2696"/>
        <pc:sldMkLst>
          <pc:docMk/>
          <pc:sldMk cId="513180896" sldId="2145707795"/>
        </pc:sldMkLst>
        <pc:spChg chg="add mod">
          <ac:chgData name="Jelkin Zair Carrillo Franco" userId="ed932c4b-6ae5-4e5d-8066-e1669f51aa79" providerId="ADAL" clId="{FB45BCCB-88A0-864A-913F-2AD4991A1569}" dt="2024-04-11T12:57:29.208" v="2370"/>
          <ac:spMkLst>
            <pc:docMk/>
            <pc:sldMk cId="513180896" sldId="2145707795"/>
            <ac:spMk id="9" creationId="{374AC5F1-6F64-0D6B-709B-DA2FEF9A9193}"/>
          </ac:spMkLst>
        </pc:spChg>
        <pc:spChg chg="mod">
          <ac:chgData name="Jelkin Zair Carrillo Franco" userId="ed932c4b-6ae5-4e5d-8066-e1669f51aa79" providerId="ADAL" clId="{FB45BCCB-88A0-864A-913F-2AD4991A1569}" dt="2024-04-11T12:57:29.208" v="2370"/>
          <ac:spMkLst>
            <pc:docMk/>
            <pc:sldMk cId="513180896" sldId="2145707795"/>
            <ac:spMk id="11" creationId="{0D52A09F-FEB8-15A3-40BE-AF6858DC7125}"/>
          </ac:spMkLst>
        </pc:spChg>
        <pc:spChg chg="mod">
          <ac:chgData name="Jelkin Zair Carrillo Franco" userId="ed932c4b-6ae5-4e5d-8066-e1669f51aa79" providerId="ADAL" clId="{FB45BCCB-88A0-864A-913F-2AD4991A1569}" dt="2024-04-11T12:57:29.208" v="2370"/>
          <ac:spMkLst>
            <pc:docMk/>
            <pc:sldMk cId="513180896" sldId="2145707795"/>
            <ac:spMk id="12" creationId="{2634EA90-8A8B-8FEC-BE2C-BC04547EC8D9}"/>
          </ac:spMkLst>
        </pc:spChg>
        <pc:spChg chg="add mod">
          <ac:chgData name="Jelkin Zair Carrillo Franco" userId="ed932c4b-6ae5-4e5d-8066-e1669f51aa79" providerId="ADAL" clId="{FB45BCCB-88A0-864A-913F-2AD4991A1569}" dt="2024-04-11T12:57:29.208" v="2370"/>
          <ac:spMkLst>
            <pc:docMk/>
            <pc:sldMk cId="513180896" sldId="2145707795"/>
            <ac:spMk id="13" creationId="{4A8B7829-1BAB-3E2C-9921-1D0589736531}"/>
          </ac:spMkLst>
        </pc:spChg>
        <pc:spChg chg="add mod">
          <ac:chgData name="Jelkin Zair Carrillo Franco" userId="ed932c4b-6ae5-4e5d-8066-e1669f51aa79" providerId="ADAL" clId="{FB45BCCB-88A0-864A-913F-2AD4991A1569}" dt="2024-04-11T13:02:56.753" v="2372"/>
          <ac:spMkLst>
            <pc:docMk/>
            <pc:sldMk cId="513180896" sldId="2145707795"/>
            <ac:spMk id="15" creationId="{31EB20DA-2ED4-2676-E1F7-0663AAFE852F}"/>
          </ac:spMkLst>
        </pc:spChg>
        <pc:spChg chg="mod">
          <ac:chgData name="Jelkin Zair Carrillo Franco" userId="ed932c4b-6ae5-4e5d-8066-e1669f51aa79" providerId="ADAL" clId="{FB45BCCB-88A0-864A-913F-2AD4991A1569}" dt="2024-04-11T13:02:56.753" v="2372"/>
          <ac:spMkLst>
            <pc:docMk/>
            <pc:sldMk cId="513180896" sldId="2145707795"/>
            <ac:spMk id="17" creationId="{16DCEEDF-3541-85BC-825C-49B063B21312}"/>
          </ac:spMkLst>
        </pc:spChg>
        <pc:spChg chg="mod">
          <ac:chgData name="Jelkin Zair Carrillo Franco" userId="ed932c4b-6ae5-4e5d-8066-e1669f51aa79" providerId="ADAL" clId="{FB45BCCB-88A0-864A-913F-2AD4991A1569}" dt="2024-04-11T13:02:56.753" v="2372"/>
          <ac:spMkLst>
            <pc:docMk/>
            <pc:sldMk cId="513180896" sldId="2145707795"/>
            <ac:spMk id="18" creationId="{79A73898-1E20-CA78-29CB-FAE87F56582C}"/>
          </ac:spMkLst>
        </pc:spChg>
        <pc:spChg chg="add mod">
          <ac:chgData name="Jelkin Zair Carrillo Franco" userId="ed932c4b-6ae5-4e5d-8066-e1669f51aa79" providerId="ADAL" clId="{FB45BCCB-88A0-864A-913F-2AD4991A1569}" dt="2024-04-11T13:02:56.753" v="2372"/>
          <ac:spMkLst>
            <pc:docMk/>
            <pc:sldMk cId="513180896" sldId="2145707795"/>
            <ac:spMk id="19" creationId="{1DCBC593-4702-A090-E56F-22C08798ADB2}"/>
          </ac:spMkLst>
        </pc:spChg>
        <pc:spChg chg="add mod">
          <ac:chgData name="Jelkin Zair Carrillo Franco" userId="ed932c4b-6ae5-4e5d-8066-e1669f51aa79" providerId="ADAL" clId="{FB45BCCB-88A0-864A-913F-2AD4991A1569}" dt="2024-04-11T13:02:56.753" v="2372"/>
          <ac:spMkLst>
            <pc:docMk/>
            <pc:sldMk cId="513180896" sldId="2145707795"/>
            <ac:spMk id="20" creationId="{F742313D-6C8B-B57C-B986-B12176F68F10}"/>
          </ac:spMkLst>
        </pc:spChg>
        <pc:spChg chg="mod">
          <ac:chgData name="Jelkin Zair Carrillo Franco" userId="ed932c4b-6ae5-4e5d-8066-e1669f51aa79" providerId="ADAL" clId="{FB45BCCB-88A0-864A-913F-2AD4991A1569}" dt="2024-04-11T12:56:43.301" v="2365" actId="790"/>
          <ac:spMkLst>
            <pc:docMk/>
            <pc:sldMk cId="513180896" sldId="2145707795"/>
            <ac:spMk id="43" creationId="{F6A2318C-5767-8AD1-AEF9-E8385CD9682B}"/>
          </ac:spMkLst>
        </pc:spChg>
        <pc:grpChg chg="mod">
          <ac:chgData name="Jelkin Zair Carrillo Franco" userId="ed932c4b-6ae5-4e5d-8066-e1669f51aa79" providerId="ADAL" clId="{FB45BCCB-88A0-864A-913F-2AD4991A1569}" dt="2024-04-11T13:03:29.668" v="2381" actId="1076"/>
          <ac:grpSpMkLst>
            <pc:docMk/>
            <pc:sldMk cId="513180896" sldId="2145707795"/>
            <ac:grpSpMk id="2" creationId="{00000000-0000-0000-0000-000000000000}"/>
          </ac:grpSpMkLst>
        </pc:grpChg>
        <pc:grpChg chg="add mod">
          <ac:chgData name="Jelkin Zair Carrillo Franco" userId="ed932c4b-6ae5-4e5d-8066-e1669f51aa79" providerId="ADAL" clId="{FB45BCCB-88A0-864A-913F-2AD4991A1569}" dt="2024-04-11T12:57:29.208" v="2370"/>
          <ac:grpSpMkLst>
            <pc:docMk/>
            <pc:sldMk cId="513180896" sldId="2145707795"/>
            <ac:grpSpMk id="10" creationId="{B2E22469-F376-ADD8-E46B-92D4E10697BA}"/>
          </ac:grpSpMkLst>
        </pc:grpChg>
        <pc:grpChg chg="add mod">
          <ac:chgData name="Jelkin Zair Carrillo Franco" userId="ed932c4b-6ae5-4e5d-8066-e1669f51aa79" providerId="ADAL" clId="{FB45BCCB-88A0-864A-913F-2AD4991A1569}" dt="2024-04-11T13:02:56.753" v="2372"/>
          <ac:grpSpMkLst>
            <pc:docMk/>
            <pc:sldMk cId="513180896" sldId="2145707795"/>
            <ac:grpSpMk id="16" creationId="{B039F32D-2ADC-548D-21C9-785A68428C2F}"/>
          </ac:grpSpMkLst>
        </pc:grpChg>
        <pc:picChg chg="add mod modCrop">
          <ac:chgData name="Jelkin Zair Carrillo Franco" userId="ed932c4b-6ae5-4e5d-8066-e1669f51aa79" providerId="ADAL" clId="{FB45BCCB-88A0-864A-913F-2AD4991A1569}" dt="2024-04-11T13:06:48.500" v="2391" actId="732"/>
          <ac:picMkLst>
            <pc:docMk/>
            <pc:sldMk cId="513180896" sldId="2145707795"/>
            <ac:picMk id="8" creationId="{A068360E-249B-AA74-CD8F-AD6074E88E2A}"/>
          </ac:picMkLst>
        </pc:picChg>
        <pc:picChg chg="add">
          <ac:chgData name="Jelkin Zair Carrillo Franco" userId="ed932c4b-6ae5-4e5d-8066-e1669f51aa79" providerId="ADAL" clId="{FB45BCCB-88A0-864A-913F-2AD4991A1569}" dt="2024-04-11T12:57:35.518" v="2371"/>
          <ac:picMkLst>
            <pc:docMk/>
            <pc:sldMk cId="513180896" sldId="2145707795"/>
            <ac:picMk id="14" creationId="{6AE0E6A2-457B-BEA2-FFC2-0A1700FC077E}"/>
          </ac:picMkLst>
        </pc:picChg>
        <pc:picChg chg="add mod">
          <ac:chgData name="Jelkin Zair Carrillo Franco" userId="ed932c4b-6ae5-4e5d-8066-e1669f51aa79" providerId="ADAL" clId="{FB45BCCB-88A0-864A-913F-2AD4991A1569}" dt="2024-04-11T13:03:15.616" v="2378" actId="14100"/>
          <ac:picMkLst>
            <pc:docMk/>
            <pc:sldMk cId="513180896" sldId="2145707795"/>
            <ac:picMk id="21" creationId="{F30F518E-486B-3930-9C33-04E8227CD2C6}"/>
          </ac:picMkLst>
        </pc:picChg>
      </pc:sldChg>
      <pc:sldChg chg="ord">
        <pc:chgData name="Jelkin Zair Carrillo Franco" userId="ed932c4b-6ae5-4e5d-8066-e1669f51aa79" providerId="ADAL" clId="{FB45BCCB-88A0-864A-913F-2AD4991A1569}" dt="2024-04-11T13:15:35.433" v="2731" actId="20578"/>
        <pc:sldMkLst>
          <pc:docMk/>
          <pc:sldMk cId="2479509389" sldId="2145707796"/>
        </pc:sldMkLst>
      </pc:sldChg>
      <pc:sldChg chg="addSp delSp modSp mod">
        <pc:chgData name="Jelkin Zair Carrillo Franco" userId="ed932c4b-6ae5-4e5d-8066-e1669f51aa79" providerId="ADAL" clId="{FB45BCCB-88A0-864A-913F-2AD4991A1569}" dt="2024-04-11T12:51:28.600" v="2305" actId="14100"/>
        <pc:sldMkLst>
          <pc:docMk/>
          <pc:sldMk cId="209872008" sldId="2145707797"/>
        </pc:sldMkLst>
        <pc:spChg chg="mod">
          <ac:chgData name="Jelkin Zair Carrillo Franco" userId="ed932c4b-6ae5-4e5d-8066-e1669f51aa79" providerId="ADAL" clId="{FB45BCCB-88A0-864A-913F-2AD4991A1569}" dt="2024-04-11T05:26:31.390" v="129" actId="1076"/>
          <ac:spMkLst>
            <pc:docMk/>
            <pc:sldMk cId="209872008" sldId="2145707797"/>
            <ac:spMk id="13" creationId="{6C3CDDFF-D382-63DE-2578-966E3874D493}"/>
          </ac:spMkLst>
        </pc:spChg>
        <pc:spChg chg="add mod">
          <ac:chgData name="Jelkin Zair Carrillo Franco" userId="ed932c4b-6ae5-4e5d-8066-e1669f51aa79" providerId="ADAL" clId="{FB45BCCB-88A0-864A-913F-2AD4991A1569}" dt="2024-04-11T12:51:20.334" v="2303" actId="1076"/>
          <ac:spMkLst>
            <pc:docMk/>
            <pc:sldMk cId="209872008" sldId="2145707797"/>
            <ac:spMk id="16" creationId="{CAA78BBD-F478-B81A-9FE9-1D0CC38132A5}"/>
          </ac:spMkLst>
        </pc:spChg>
        <pc:spChg chg="add mod">
          <ac:chgData name="Jelkin Zair Carrillo Franco" userId="ed932c4b-6ae5-4e5d-8066-e1669f51aa79" providerId="ADAL" clId="{FB45BCCB-88A0-864A-913F-2AD4991A1569}" dt="2024-04-11T12:51:11.380" v="2301" actId="14100"/>
          <ac:spMkLst>
            <pc:docMk/>
            <pc:sldMk cId="209872008" sldId="2145707797"/>
            <ac:spMk id="17" creationId="{6CDA3471-4253-ABC7-716D-C218CC53C2EB}"/>
          </ac:spMkLst>
        </pc:spChg>
        <pc:grpChg chg="mod">
          <ac:chgData name="Jelkin Zair Carrillo Franco" userId="ed932c4b-6ae5-4e5d-8066-e1669f51aa79" providerId="ADAL" clId="{FB45BCCB-88A0-864A-913F-2AD4991A1569}" dt="2024-04-11T05:26:59.424" v="138" actId="14100"/>
          <ac:grpSpMkLst>
            <pc:docMk/>
            <pc:sldMk cId="209872008" sldId="2145707797"/>
            <ac:grpSpMk id="2" creationId="{00000000-0000-0000-0000-000000000000}"/>
          </ac:grpSpMkLst>
        </pc:grpChg>
        <pc:graphicFrameChg chg="add del mod">
          <ac:chgData name="Jelkin Zair Carrillo Franco" userId="ed932c4b-6ae5-4e5d-8066-e1669f51aa79" providerId="ADAL" clId="{FB45BCCB-88A0-864A-913F-2AD4991A1569}" dt="2024-04-11T05:21:29.513" v="6" actId="478"/>
          <ac:graphicFrameMkLst>
            <pc:docMk/>
            <pc:sldMk cId="209872008" sldId="2145707797"/>
            <ac:graphicFrameMk id="8" creationId="{4285B3FD-8AD1-E2AC-A6E0-97A8F6F6DB93}"/>
          </ac:graphicFrameMkLst>
        </pc:graphicFrameChg>
        <pc:graphicFrameChg chg="mod modGraphic">
          <ac:chgData name="Jelkin Zair Carrillo Franco" userId="ed932c4b-6ae5-4e5d-8066-e1669f51aa79" providerId="ADAL" clId="{FB45BCCB-88A0-864A-913F-2AD4991A1569}" dt="2024-04-11T12:50:56.580" v="2295" actId="14100"/>
          <ac:graphicFrameMkLst>
            <pc:docMk/>
            <pc:sldMk cId="209872008" sldId="2145707797"/>
            <ac:graphicFrameMk id="12" creationId="{40E70DE2-7DCB-E261-95B9-CCAD29A812C8}"/>
          </ac:graphicFrameMkLst>
        </pc:graphicFrameChg>
        <pc:graphicFrameChg chg="add mod modGraphic">
          <ac:chgData name="Jelkin Zair Carrillo Franco" userId="ed932c4b-6ae5-4e5d-8066-e1669f51aa79" providerId="ADAL" clId="{FB45BCCB-88A0-864A-913F-2AD4991A1569}" dt="2024-04-11T12:51:28.600" v="2305" actId="14100"/>
          <ac:graphicFrameMkLst>
            <pc:docMk/>
            <pc:sldMk cId="209872008" sldId="2145707797"/>
            <ac:graphicFrameMk id="15" creationId="{0A04D86A-B613-9DAE-33A7-216A61AFAAA8}"/>
          </ac:graphicFrameMkLst>
        </pc:graphicFrameChg>
        <pc:picChg chg="add del mod">
          <ac:chgData name="Jelkin Zair Carrillo Franco" userId="ed932c4b-6ae5-4e5d-8066-e1669f51aa79" providerId="ADAL" clId="{FB45BCCB-88A0-864A-913F-2AD4991A1569}" dt="2024-04-11T05:21:58.949" v="12" actId="478"/>
          <ac:picMkLst>
            <pc:docMk/>
            <pc:sldMk cId="209872008" sldId="2145707797"/>
            <ac:picMk id="10" creationId="{EE3860DB-5F1F-2D82-57E1-4758C40EA69E}"/>
          </ac:picMkLst>
        </pc:picChg>
        <pc:picChg chg="del mod modCrop">
          <ac:chgData name="Jelkin Zair Carrillo Franco" userId="ed932c4b-6ae5-4e5d-8066-e1669f51aa79" providerId="ADAL" clId="{FB45BCCB-88A0-864A-913F-2AD4991A1569}" dt="2024-04-11T12:13:16.471" v="1244" actId="478"/>
          <ac:picMkLst>
            <pc:docMk/>
            <pc:sldMk cId="209872008" sldId="2145707797"/>
            <ac:picMk id="14" creationId="{16C9BF04-01E3-899A-9C41-766A2AFC37EC}"/>
          </ac:picMkLst>
        </pc:picChg>
        <pc:picChg chg="add mod">
          <ac:chgData name="Jelkin Zair Carrillo Franco" userId="ed932c4b-6ae5-4e5d-8066-e1669f51aa79" providerId="ADAL" clId="{FB45BCCB-88A0-864A-913F-2AD4991A1569}" dt="2024-04-11T12:51:16.164" v="2302" actId="14100"/>
          <ac:picMkLst>
            <pc:docMk/>
            <pc:sldMk cId="209872008" sldId="2145707797"/>
            <ac:picMk id="18" creationId="{51617561-74C0-360B-E3BD-520D22148168}"/>
          </ac:picMkLst>
        </pc:picChg>
      </pc:sldChg>
      <pc:sldChg chg="addSp delSp modSp add mod">
        <pc:chgData name="Jelkin Zair Carrillo Franco" userId="ed932c4b-6ae5-4e5d-8066-e1669f51aa79" providerId="ADAL" clId="{FB45BCCB-88A0-864A-913F-2AD4991A1569}" dt="2024-04-11T12:37:51.524" v="2280" actId="20577"/>
        <pc:sldMkLst>
          <pc:docMk/>
          <pc:sldMk cId="3619845664" sldId="2145707798"/>
        </pc:sldMkLst>
        <pc:spChg chg="del">
          <ac:chgData name="Jelkin Zair Carrillo Franco" userId="ed932c4b-6ae5-4e5d-8066-e1669f51aa79" providerId="ADAL" clId="{FB45BCCB-88A0-864A-913F-2AD4991A1569}" dt="2024-04-11T12:15:31.718" v="1251" actId="478"/>
          <ac:spMkLst>
            <pc:docMk/>
            <pc:sldMk cId="3619845664" sldId="2145707798"/>
            <ac:spMk id="12" creationId="{00000000-0000-0000-0000-000000000000}"/>
          </ac:spMkLst>
        </pc:spChg>
        <pc:spChg chg="del">
          <ac:chgData name="Jelkin Zair Carrillo Franco" userId="ed932c4b-6ae5-4e5d-8066-e1669f51aa79" providerId="ADAL" clId="{FB45BCCB-88A0-864A-913F-2AD4991A1569}" dt="2024-04-11T12:15:37.877" v="1254" actId="478"/>
          <ac:spMkLst>
            <pc:docMk/>
            <pc:sldMk cId="3619845664" sldId="2145707798"/>
            <ac:spMk id="13" creationId="{00000000-0000-0000-0000-000000000000}"/>
          </ac:spMkLst>
        </pc:spChg>
        <pc:spChg chg="add mod">
          <ac:chgData name="Jelkin Zair Carrillo Franco" userId="ed932c4b-6ae5-4e5d-8066-e1669f51aa79" providerId="ADAL" clId="{FB45BCCB-88A0-864A-913F-2AD4991A1569}" dt="2024-04-11T12:36:22.679" v="2204" actId="1076"/>
          <ac:spMkLst>
            <pc:docMk/>
            <pc:sldMk cId="3619845664" sldId="2145707798"/>
            <ac:spMk id="14" creationId="{F2597056-7734-E43C-E513-7214ED044E82}"/>
          </ac:spMkLst>
        </pc:spChg>
        <pc:spChg chg="add del">
          <ac:chgData name="Jelkin Zair Carrillo Franco" userId="ed932c4b-6ae5-4e5d-8066-e1669f51aa79" providerId="ADAL" clId="{FB45BCCB-88A0-864A-913F-2AD4991A1569}" dt="2024-04-11T12:19:03.949" v="1295" actId="22"/>
          <ac:spMkLst>
            <pc:docMk/>
            <pc:sldMk cId="3619845664" sldId="2145707798"/>
            <ac:spMk id="16" creationId="{DB1E2BE3-A892-7234-CD83-BA53B9602FEA}"/>
          </ac:spMkLst>
        </pc:spChg>
        <pc:spChg chg="add mod">
          <ac:chgData name="Jelkin Zair Carrillo Franco" userId="ed932c4b-6ae5-4e5d-8066-e1669f51aa79" providerId="ADAL" clId="{FB45BCCB-88A0-864A-913F-2AD4991A1569}" dt="2024-04-11T12:36:18.347" v="2203" actId="1076"/>
          <ac:spMkLst>
            <pc:docMk/>
            <pc:sldMk cId="3619845664" sldId="2145707798"/>
            <ac:spMk id="18" creationId="{D2A5C816-0F79-7FC2-E0A3-05E8F72F571F}"/>
          </ac:spMkLst>
        </pc:spChg>
        <pc:spChg chg="del">
          <ac:chgData name="Jelkin Zair Carrillo Franco" userId="ed932c4b-6ae5-4e5d-8066-e1669f51aa79" providerId="ADAL" clId="{FB45BCCB-88A0-864A-913F-2AD4991A1569}" dt="2024-04-11T12:15:35.656" v="1253" actId="478"/>
          <ac:spMkLst>
            <pc:docMk/>
            <pc:sldMk cId="3619845664" sldId="2145707798"/>
            <ac:spMk id="26" creationId="{00000000-0000-0000-0000-000000000000}"/>
          </ac:spMkLst>
        </pc:spChg>
        <pc:spChg chg="del mod">
          <ac:chgData name="Jelkin Zair Carrillo Franco" userId="ed932c4b-6ae5-4e5d-8066-e1669f51aa79" providerId="ADAL" clId="{FB45BCCB-88A0-864A-913F-2AD4991A1569}" dt="2024-04-11T12:33:44.392" v="2164" actId="478"/>
          <ac:spMkLst>
            <pc:docMk/>
            <pc:sldMk cId="3619845664" sldId="2145707798"/>
            <ac:spMk id="27" creationId="{7F0E14D7-8108-4EA1-9D5A-F210235E105B}"/>
          </ac:spMkLst>
        </pc:spChg>
        <pc:spChg chg="del">
          <ac:chgData name="Jelkin Zair Carrillo Franco" userId="ed932c4b-6ae5-4e5d-8066-e1669f51aa79" providerId="ADAL" clId="{FB45BCCB-88A0-864A-913F-2AD4991A1569}" dt="2024-04-11T12:15:29.664" v="1250" actId="478"/>
          <ac:spMkLst>
            <pc:docMk/>
            <pc:sldMk cId="3619845664" sldId="2145707798"/>
            <ac:spMk id="28" creationId="{2E594C02-416E-47BD-0D29-227455AB3F5D}"/>
          </ac:spMkLst>
        </pc:spChg>
        <pc:spChg chg="add mod">
          <ac:chgData name="Jelkin Zair Carrillo Franco" userId="ed932c4b-6ae5-4e5d-8066-e1669f51aa79" providerId="ADAL" clId="{FB45BCCB-88A0-864A-913F-2AD4991A1569}" dt="2024-04-11T12:34:02.966" v="2173" actId="403"/>
          <ac:spMkLst>
            <pc:docMk/>
            <pc:sldMk cId="3619845664" sldId="2145707798"/>
            <ac:spMk id="29" creationId="{3960AB5B-1330-1710-4014-82628A3800B2}"/>
          </ac:spMkLst>
        </pc:spChg>
        <pc:grpChg chg="del">
          <ac:chgData name="Jelkin Zair Carrillo Franco" userId="ed932c4b-6ae5-4e5d-8066-e1669f51aa79" providerId="ADAL" clId="{FB45BCCB-88A0-864A-913F-2AD4991A1569}" dt="2024-04-11T12:15:33.471" v="1252" actId="478"/>
          <ac:grpSpMkLst>
            <pc:docMk/>
            <pc:sldMk cId="3619845664" sldId="2145707798"/>
            <ac:grpSpMk id="23" creationId="{00000000-0000-0000-0000-000000000000}"/>
          </ac:grpSpMkLst>
        </pc:grpChg>
        <pc:graphicFrameChg chg="add mod">
          <ac:chgData name="Jelkin Zair Carrillo Franco" userId="ed932c4b-6ae5-4e5d-8066-e1669f51aa79" providerId="ADAL" clId="{FB45BCCB-88A0-864A-913F-2AD4991A1569}" dt="2024-04-11T12:15:39.017" v="1255"/>
          <ac:graphicFrameMkLst>
            <pc:docMk/>
            <pc:sldMk cId="3619845664" sldId="2145707798"/>
            <ac:graphicFrameMk id="8" creationId="{4D2B4B7C-7A1D-C119-A94D-715D3D1B8448}"/>
          </ac:graphicFrameMkLst>
        </pc:graphicFrameChg>
        <pc:graphicFrameChg chg="add del mod modGraphic">
          <ac:chgData name="Jelkin Zair Carrillo Franco" userId="ed932c4b-6ae5-4e5d-8066-e1669f51aa79" providerId="ADAL" clId="{FB45BCCB-88A0-864A-913F-2AD4991A1569}" dt="2024-04-11T12:37:51.524" v="2280" actId="20577"/>
          <ac:graphicFrameMkLst>
            <pc:docMk/>
            <pc:sldMk cId="3619845664" sldId="2145707798"/>
            <ac:graphicFrameMk id="9" creationId="{DC31D296-60EA-E41C-7142-C731B78810A6}"/>
          </ac:graphicFrameMkLst>
        </pc:graphicFrameChg>
        <pc:graphicFrameChg chg="add del mod">
          <ac:chgData name="Jelkin Zair Carrillo Franco" userId="ed932c4b-6ae5-4e5d-8066-e1669f51aa79" providerId="ADAL" clId="{FB45BCCB-88A0-864A-913F-2AD4991A1569}" dt="2024-04-11T12:16:36.280" v="1265" actId="478"/>
          <ac:graphicFrameMkLst>
            <pc:docMk/>
            <pc:sldMk cId="3619845664" sldId="2145707798"/>
            <ac:graphicFrameMk id="10" creationId="{A679F3DE-D49C-CE28-516B-97B359751805}"/>
          </ac:graphicFrameMkLst>
        </pc:graphicFrameChg>
      </pc:sldChg>
      <pc:sldChg chg="addSp delSp modSp add mod">
        <pc:chgData name="Jelkin Zair Carrillo Franco" userId="ed932c4b-6ae5-4e5d-8066-e1669f51aa79" providerId="ADAL" clId="{FB45BCCB-88A0-864A-913F-2AD4991A1569}" dt="2024-04-11T13:14:43.004" v="2719" actId="20577"/>
        <pc:sldMkLst>
          <pc:docMk/>
          <pc:sldMk cId="281772431" sldId="2145707799"/>
        </pc:sldMkLst>
        <pc:spChg chg="add mod">
          <ac:chgData name="Jelkin Zair Carrillo Franco" userId="ed932c4b-6ae5-4e5d-8066-e1669f51aa79" providerId="ADAL" clId="{FB45BCCB-88A0-864A-913F-2AD4991A1569}" dt="2024-04-11T13:13:59.736" v="2703" actId="1076"/>
          <ac:spMkLst>
            <pc:docMk/>
            <pc:sldMk cId="281772431" sldId="2145707799"/>
            <ac:spMk id="10" creationId="{1D66D6AF-031E-7C93-2609-EB1FB29AC075}"/>
          </ac:spMkLst>
        </pc:spChg>
        <pc:spChg chg="add mod">
          <ac:chgData name="Jelkin Zair Carrillo Franco" userId="ed932c4b-6ae5-4e5d-8066-e1669f51aa79" providerId="ADAL" clId="{FB45BCCB-88A0-864A-913F-2AD4991A1569}" dt="2024-04-11T13:14:03.130" v="2704" actId="14100"/>
          <ac:spMkLst>
            <pc:docMk/>
            <pc:sldMk cId="281772431" sldId="2145707799"/>
            <ac:spMk id="11" creationId="{60F7AC39-AFDB-83E8-8201-27E96A1C4C46}"/>
          </ac:spMkLst>
        </pc:spChg>
        <pc:spChg chg="mod">
          <ac:chgData name="Jelkin Zair Carrillo Franco" userId="ed932c4b-6ae5-4e5d-8066-e1669f51aa79" providerId="ADAL" clId="{FB45BCCB-88A0-864A-913F-2AD4991A1569}" dt="2024-04-11T13:08:58.172" v="2526" actId="255"/>
          <ac:spMkLst>
            <pc:docMk/>
            <pc:sldMk cId="281772431" sldId="2145707799"/>
            <ac:spMk id="13" creationId="{D5A92B63-2C0F-AC8C-ED24-1F162B830194}"/>
          </ac:spMkLst>
        </pc:spChg>
        <pc:spChg chg="mod">
          <ac:chgData name="Jelkin Zair Carrillo Franco" userId="ed932c4b-6ae5-4e5d-8066-e1669f51aa79" providerId="ADAL" clId="{FB45BCCB-88A0-864A-913F-2AD4991A1569}" dt="2024-04-11T13:08:58.172" v="2526" actId="255"/>
          <ac:spMkLst>
            <pc:docMk/>
            <pc:sldMk cId="281772431" sldId="2145707799"/>
            <ac:spMk id="14" creationId="{0513B7C2-9B6D-3174-82FB-4CC23C466D07}"/>
          </ac:spMkLst>
        </pc:spChg>
        <pc:spChg chg="add mod">
          <ac:chgData name="Jelkin Zair Carrillo Franco" userId="ed932c4b-6ae5-4e5d-8066-e1669f51aa79" providerId="ADAL" clId="{FB45BCCB-88A0-864A-913F-2AD4991A1569}" dt="2024-04-11T13:14:43.004" v="2719" actId="20577"/>
          <ac:spMkLst>
            <pc:docMk/>
            <pc:sldMk cId="281772431" sldId="2145707799"/>
            <ac:spMk id="15" creationId="{69171863-74DB-A984-E2D6-28E5CA2F0498}"/>
          </ac:spMkLst>
        </pc:spChg>
        <pc:spChg chg="add mod">
          <ac:chgData name="Jelkin Zair Carrillo Franco" userId="ed932c4b-6ae5-4e5d-8066-e1669f51aa79" providerId="ADAL" clId="{FB45BCCB-88A0-864A-913F-2AD4991A1569}" dt="2024-04-11T13:09:31.083" v="2537" actId="1076"/>
          <ac:spMkLst>
            <pc:docMk/>
            <pc:sldMk cId="281772431" sldId="2145707799"/>
            <ac:spMk id="16" creationId="{5DE3260D-185B-246B-CC09-223DFCCF82B2}"/>
          </ac:spMkLst>
        </pc:spChg>
        <pc:grpChg chg="add mod">
          <ac:chgData name="Jelkin Zair Carrillo Franco" userId="ed932c4b-6ae5-4e5d-8066-e1669f51aa79" providerId="ADAL" clId="{FB45BCCB-88A0-864A-913F-2AD4991A1569}" dt="2024-04-11T13:13:46.289" v="2699" actId="1076"/>
          <ac:grpSpMkLst>
            <pc:docMk/>
            <pc:sldMk cId="281772431" sldId="2145707799"/>
            <ac:grpSpMk id="12" creationId="{0F5B6AE8-1E62-EACA-1FEB-0535883CD056}"/>
          </ac:grpSpMkLst>
        </pc:grpChg>
        <pc:picChg chg="mod modCrop">
          <ac:chgData name="Jelkin Zair Carrillo Franco" userId="ed932c4b-6ae5-4e5d-8066-e1669f51aa79" providerId="ADAL" clId="{FB45BCCB-88A0-864A-913F-2AD4991A1569}" dt="2024-04-11T13:13:53.483" v="2701" actId="1076"/>
          <ac:picMkLst>
            <pc:docMk/>
            <pc:sldMk cId="281772431" sldId="2145707799"/>
            <ac:picMk id="8" creationId="{A068360E-249B-AA74-CD8F-AD6074E88E2A}"/>
          </ac:picMkLst>
        </pc:picChg>
        <pc:picChg chg="add mod">
          <ac:chgData name="Jelkin Zair Carrillo Franco" userId="ed932c4b-6ae5-4e5d-8066-e1669f51aa79" providerId="ADAL" clId="{FB45BCCB-88A0-864A-913F-2AD4991A1569}" dt="2024-04-11T13:13:55.267" v="2702" actId="1076"/>
          <ac:picMkLst>
            <pc:docMk/>
            <pc:sldMk cId="281772431" sldId="2145707799"/>
            <ac:picMk id="9" creationId="{89304D7D-8055-B8AD-2460-BCC3B55A0ACE}"/>
          </ac:picMkLst>
        </pc:picChg>
        <pc:picChg chg="del mod">
          <ac:chgData name="Jelkin Zair Carrillo Franco" userId="ed932c4b-6ae5-4e5d-8066-e1669f51aa79" providerId="ADAL" clId="{FB45BCCB-88A0-864A-913F-2AD4991A1569}" dt="2024-04-11T13:08:40.793" v="2521" actId="478"/>
          <ac:picMkLst>
            <pc:docMk/>
            <pc:sldMk cId="281772431" sldId="2145707799"/>
            <ac:picMk id="21" creationId="{F30F518E-486B-3930-9C33-04E8227CD2C6}"/>
          </ac:picMkLst>
        </pc:picChg>
      </pc:sldChg>
    </pc:docChg>
  </pc:docChgLst>
  <pc:docChgLst>
    <pc:chgData name="Geraldinne Yizeth Mendoza Rodriguez" userId="S::geraldinemendoza@supertransporte.gov.co::ad0510dc-b32c-4c8d-8743-33dce9345282" providerId="AD" clId="Web-{B546F189-9E3A-D593-932E-1E43ED50B558}"/>
    <pc:docChg chg="sldOrd">
      <pc:chgData name="Geraldinne Yizeth Mendoza Rodriguez" userId="S::geraldinemendoza@supertransporte.gov.co::ad0510dc-b32c-4c8d-8743-33dce9345282" providerId="AD" clId="Web-{B546F189-9E3A-D593-932E-1E43ED50B558}" dt="2024-04-11T03:47:09.569" v="0"/>
      <pc:docMkLst>
        <pc:docMk/>
      </pc:docMkLst>
      <pc:sldChg chg="ord">
        <pc:chgData name="Geraldinne Yizeth Mendoza Rodriguez" userId="S::geraldinemendoza@supertransporte.gov.co::ad0510dc-b32c-4c8d-8743-33dce9345282" providerId="AD" clId="Web-{B546F189-9E3A-D593-932E-1E43ED50B558}" dt="2024-04-11T03:47:09.569" v="0"/>
        <pc:sldMkLst>
          <pc:docMk/>
          <pc:sldMk cId="1458161526" sldId="262"/>
        </pc:sldMkLst>
      </pc:sldChg>
    </pc:docChg>
  </pc:docChgLst>
  <pc:docChgLst>
    <pc:chgData name="Geraldinne Yizeth Mendoza Rodriguez" userId="ad0510dc-b32c-4c8d-8743-33dce9345282" providerId="ADAL" clId="{466B72D7-D689-46A2-86D2-453A33C3A1BF}"/>
    <pc:docChg chg="undo custSel addSld modSld sldOrd modSection">
      <pc:chgData name="Geraldinne Yizeth Mendoza Rodriguez" userId="ad0510dc-b32c-4c8d-8743-33dce9345282" providerId="ADAL" clId="{466B72D7-D689-46A2-86D2-453A33C3A1BF}" dt="2024-04-24T17:25:32.219" v="687" actId="1076"/>
      <pc:docMkLst>
        <pc:docMk/>
      </pc:docMkLst>
      <pc:sldChg chg="addSp delSp modSp mod">
        <pc:chgData name="Geraldinne Yizeth Mendoza Rodriguez" userId="ad0510dc-b32c-4c8d-8743-33dce9345282" providerId="ADAL" clId="{466B72D7-D689-46A2-86D2-453A33C3A1BF}" dt="2024-04-11T06:53:59.024" v="275" actId="1076"/>
        <pc:sldMkLst>
          <pc:docMk/>
          <pc:sldMk cId="1458161526" sldId="262"/>
        </pc:sldMkLst>
        <pc:spChg chg="add mod">
          <ac:chgData name="Geraldinne Yizeth Mendoza Rodriguez" userId="ad0510dc-b32c-4c8d-8743-33dce9345282" providerId="ADAL" clId="{466B72D7-D689-46A2-86D2-453A33C3A1BF}" dt="2024-04-11T05:25:03.651" v="145"/>
          <ac:spMkLst>
            <pc:docMk/>
            <pc:sldMk cId="1458161526" sldId="262"/>
            <ac:spMk id="5" creationId="{A5DD9007-1824-0111-8B15-6EBD055F3EBF}"/>
          </ac:spMkLst>
        </pc:spChg>
        <pc:spChg chg="add mod">
          <ac:chgData name="Geraldinne Yizeth Mendoza Rodriguez" userId="ad0510dc-b32c-4c8d-8743-33dce9345282" providerId="ADAL" clId="{466B72D7-D689-46A2-86D2-453A33C3A1BF}" dt="2024-04-11T06:45:18.884" v="249" actId="1036"/>
          <ac:spMkLst>
            <pc:docMk/>
            <pc:sldMk cId="1458161526" sldId="262"/>
            <ac:spMk id="6" creationId="{8F758420-9D41-BBA3-15CA-8F229726763B}"/>
          </ac:spMkLst>
        </pc:spChg>
        <pc:spChg chg="add del mod">
          <ac:chgData name="Geraldinne Yizeth Mendoza Rodriguez" userId="ad0510dc-b32c-4c8d-8743-33dce9345282" providerId="ADAL" clId="{466B72D7-D689-46A2-86D2-453A33C3A1BF}" dt="2024-04-11T05:52:15.779" v="185" actId="478"/>
          <ac:spMkLst>
            <pc:docMk/>
            <pc:sldMk cId="1458161526" sldId="262"/>
            <ac:spMk id="7" creationId="{28F094D5-3E48-C94E-C126-56A12FE49D36}"/>
          </ac:spMkLst>
        </pc:spChg>
        <pc:graphicFrameChg chg="add mod modGraphic">
          <ac:chgData name="Geraldinne Yizeth Mendoza Rodriguez" userId="ad0510dc-b32c-4c8d-8743-33dce9345282" providerId="ADAL" clId="{466B72D7-D689-46A2-86D2-453A33C3A1BF}" dt="2024-04-11T06:27:35.157" v="190" actId="1076"/>
          <ac:graphicFrameMkLst>
            <pc:docMk/>
            <pc:sldMk cId="1458161526" sldId="262"/>
            <ac:graphicFrameMk id="8" creationId="{AF05E970-ECAC-2AB8-995E-3F5262820DB0}"/>
          </ac:graphicFrameMkLst>
        </pc:graphicFrameChg>
        <pc:picChg chg="add mod">
          <ac:chgData name="Geraldinne Yizeth Mendoza Rodriguez" userId="ad0510dc-b32c-4c8d-8743-33dce9345282" providerId="ADAL" clId="{466B72D7-D689-46A2-86D2-453A33C3A1BF}" dt="2024-04-11T06:46:17.551" v="257" actId="1037"/>
          <ac:picMkLst>
            <pc:docMk/>
            <pc:sldMk cId="1458161526" sldId="262"/>
            <ac:picMk id="3" creationId="{96880466-C698-0D5F-B62F-1B371FE2ED7E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28:38.924" v="194" actId="478"/>
          <ac:picMkLst>
            <pc:docMk/>
            <pc:sldMk cId="1458161526" sldId="262"/>
            <ac:picMk id="9" creationId="{7D5D0B9C-B55F-7B02-966B-3ABB839414F3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35:00.264" v="202" actId="478"/>
          <ac:picMkLst>
            <pc:docMk/>
            <pc:sldMk cId="1458161526" sldId="262"/>
            <ac:picMk id="10" creationId="{4E23FEE7-FF24-06FF-50F3-E2C52F248BFC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37:38.081" v="206" actId="478"/>
          <ac:picMkLst>
            <pc:docMk/>
            <pc:sldMk cId="1458161526" sldId="262"/>
            <ac:picMk id="11" creationId="{4BB610F3-A858-BD21-C5A4-6E2BC4298AE0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38:09.149" v="210" actId="478"/>
          <ac:picMkLst>
            <pc:docMk/>
            <pc:sldMk cId="1458161526" sldId="262"/>
            <ac:picMk id="12" creationId="{264F2132-8212-2460-2805-734537DE50A6}"/>
          </ac:picMkLst>
        </pc:picChg>
        <pc:picChg chg="mod">
          <ac:chgData name="Geraldinne Yizeth Mendoza Rodriguez" userId="ad0510dc-b32c-4c8d-8743-33dce9345282" providerId="ADAL" clId="{466B72D7-D689-46A2-86D2-453A33C3A1BF}" dt="2024-04-11T05:23:17.549" v="77" actId="1076"/>
          <ac:picMkLst>
            <pc:docMk/>
            <pc:sldMk cId="1458161526" sldId="262"/>
            <ac:picMk id="13" creationId="{4EEEAA87-AC05-491F-1280-97ABC2596684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42:22.162" v="215" actId="478"/>
          <ac:picMkLst>
            <pc:docMk/>
            <pc:sldMk cId="1458161526" sldId="262"/>
            <ac:picMk id="14" creationId="{AC03D6DB-86DD-0BBD-3FC9-802A2ED90D9E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51:57.751" v="258" actId="478"/>
          <ac:picMkLst>
            <pc:docMk/>
            <pc:sldMk cId="1458161526" sldId="262"/>
            <ac:picMk id="15" creationId="{FD7677A3-A693-7B78-1E78-6999A63F48BB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52:14.884" v="264" actId="478"/>
          <ac:picMkLst>
            <pc:docMk/>
            <pc:sldMk cId="1458161526" sldId="262"/>
            <ac:picMk id="16" creationId="{2FAF8FA3-BC29-C933-8F76-ADCD70E70CEE}"/>
          </ac:picMkLst>
        </pc:picChg>
        <pc:picChg chg="add del mod">
          <ac:chgData name="Geraldinne Yizeth Mendoza Rodriguez" userId="ad0510dc-b32c-4c8d-8743-33dce9345282" providerId="ADAL" clId="{466B72D7-D689-46A2-86D2-453A33C3A1BF}" dt="2024-04-11T06:53:04.146" v="268" actId="478"/>
          <ac:picMkLst>
            <pc:docMk/>
            <pc:sldMk cId="1458161526" sldId="262"/>
            <ac:picMk id="17" creationId="{5E16F8DE-5F90-0654-F0D5-165E07869A3E}"/>
          </ac:picMkLst>
        </pc:picChg>
        <pc:picChg chg="add mod">
          <ac:chgData name="Geraldinne Yizeth Mendoza Rodriguez" userId="ad0510dc-b32c-4c8d-8743-33dce9345282" providerId="ADAL" clId="{466B72D7-D689-46A2-86D2-453A33C3A1BF}" dt="2024-04-11T06:53:59.024" v="275" actId="1076"/>
          <ac:picMkLst>
            <pc:docMk/>
            <pc:sldMk cId="1458161526" sldId="262"/>
            <ac:picMk id="19" creationId="{F933F281-7FA4-0C0F-3B68-853EE737F7F2}"/>
          </ac:picMkLst>
        </pc:picChg>
      </pc:sldChg>
      <pc:sldChg chg="addSp delSp modSp mod ord">
        <pc:chgData name="Geraldinne Yizeth Mendoza Rodriguez" userId="ad0510dc-b32c-4c8d-8743-33dce9345282" providerId="ADAL" clId="{466B72D7-D689-46A2-86D2-453A33C3A1BF}" dt="2024-04-24T17:25:32.219" v="687" actId="1076"/>
        <pc:sldMkLst>
          <pc:docMk/>
          <pc:sldMk cId="734010219" sldId="4708"/>
        </pc:sldMkLst>
        <pc:spChg chg="mod">
          <ac:chgData name="Geraldinne Yizeth Mendoza Rodriguez" userId="ad0510dc-b32c-4c8d-8743-33dce9345282" providerId="ADAL" clId="{466B72D7-D689-46A2-86D2-453A33C3A1BF}" dt="2024-04-24T17:23:47.598" v="634" actId="20577"/>
          <ac:spMkLst>
            <pc:docMk/>
            <pc:sldMk cId="734010219" sldId="4708"/>
            <ac:spMk id="6" creationId="{43961784-A23C-BA19-7252-A2EFBCEDF05C}"/>
          </ac:spMkLst>
        </pc:spChg>
        <pc:spChg chg="add mod">
          <ac:chgData name="Geraldinne Yizeth Mendoza Rodriguez" userId="ad0510dc-b32c-4c8d-8743-33dce9345282" providerId="ADAL" clId="{466B72D7-D689-46A2-86D2-453A33C3A1BF}" dt="2024-04-24T17:25:32.219" v="687" actId="1076"/>
          <ac:spMkLst>
            <pc:docMk/>
            <pc:sldMk cId="734010219" sldId="4708"/>
            <ac:spMk id="11" creationId="{768BB4C6-6BEE-8963-A748-FC6B52C54C70}"/>
          </ac:spMkLst>
        </pc:spChg>
        <pc:spChg chg="add mod">
          <ac:chgData name="Geraldinne Yizeth Mendoza Rodriguez" userId="ad0510dc-b32c-4c8d-8743-33dce9345282" providerId="ADAL" clId="{466B72D7-D689-46A2-86D2-453A33C3A1BF}" dt="2024-04-24T17:25:27.768" v="686" actId="1076"/>
          <ac:spMkLst>
            <pc:docMk/>
            <pc:sldMk cId="734010219" sldId="4708"/>
            <ac:spMk id="12" creationId="{37311760-E6DB-3E93-A284-2E3061475200}"/>
          </ac:spMkLst>
        </pc:spChg>
        <pc:spChg chg="mod">
          <ac:chgData name="Geraldinne Yizeth Mendoza Rodriguez" userId="ad0510dc-b32c-4c8d-8743-33dce9345282" providerId="ADAL" clId="{466B72D7-D689-46A2-86D2-453A33C3A1BF}" dt="2024-04-24T17:24:52.333" v="649" actId="1076"/>
          <ac:spMkLst>
            <pc:docMk/>
            <pc:sldMk cId="734010219" sldId="4708"/>
            <ac:spMk id="32" creationId="{5CEAB17E-A2F0-E2CC-21AD-E5013EB23D00}"/>
          </ac:spMkLst>
        </pc:spChg>
        <pc:spChg chg="del mod">
          <ac:chgData name="Geraldinne Yizeth Mendoza Rodriguez" userId="ad0510dc-b32c-4c8d-8743-33dce9345282" providerId="ADAL" clId="{466B72D7-D689-46A2-86D2-453A33C3A1BF}" dt="2024-04-24T17:23:33.525" v="624" actId="478"/>
          <ac:spMkLst>
            <pc:docMk/>
            <pc:sldMk cId="734010219" sldId="4708"/>
            <ac:spMk id="37" creationId="{E84D6101-2327-6A2C-087C-65524E42F6EB}"/>
          </ac:spMkLst>
        </pc:spChg>
        <pc:picChg chg="del mod">
          <ac:chgData name="Geraldinne Yizeth Mendoza Rodriguez" userId="ad0510dc-b32c-4c8d-8743-33dce9345282" providerId="ADAL" clId="{466B72D7-D689-46A2-86D2-453A33C3A1BF}" dt="2024-04-24T17:22:43.393" v="556" actId="478"/>
          <ac:picMkLst>
            <pc:docMk/>
            <pc:sldMk cId="734010219" sldId="4708"/>
            <ac:picMk id="2" creationId="{12637E37-F937-3CF6-1374-84762142A94E}"/>
          </ac:picMkLst>
        </pc:picChg>
        <pc:picChg chg="add del mod">
          <ac:chgData name="Geraldinne Yizeth Mendoza Rodriguez" userId="ad0510dc-b32c-4c8d-8743-33dce9345282" providerId="ADAL" clId="{466B72D7-D689-46A2-86D2-453A33C3A1BF}" dt="2024-04-24T16:49:10.762" v="364" actId="478"/>
          <ac:picMkLst>
            <pc:docMk/>
            <pc:sldMk cId="734010219" sldId="4708"/>
            <ac:picMk id="7" creationId="{600B8735-5BB2-8FF8-4D07-9440EA382CFF}"/>
          </ac:picMkLst>
        </pc:picChg>
        <pc:picChg chg="add del mod">
          <ac:chgData name="Geraldinne Yizeth Mendoza Rodriguez" userId="ad0510dc-b32c-4c8d-8743-33dce9345282" providerId="ADAL" clId="{466B72D7-D689-46A2-86D2-453A33C3A1BF}" dt="2024-04-24T17:02:29.077" v="388" actId="478"/>
          <ac:picMkLst>
            <pc:docMk/>
            <pc:sldMk cId="734010219" sldId="4708"/>
            <ac:picMk id="7" creationId="{FB963EC3-AF9D-A305-D5BB-E5EECE4AFF04}"/>
          </ac:picMkLst>
        </pc:picChg>
        <pc:picChg chg="add del mod">
          <ac:chgData name="Geraldinne Yizeth Mendoza Rodriguez" userId="ad0510dc-b32c-4c8d-8743-33dce9345282" providerId="ADAL" clId="{466B72D7-D689-46A2-86D2-453A33C3A1BF}" dt="2024-04-24T17:23:29.865" v="623" actId="478"/>
          <ac:picMkLst>
            <pc:docMk/>
            <pc:sldMk cId="734010219" sldId="4708"/>
            <ac:picMk id="8" creationId="{EF91FAEF-4B78-7676-7AA5-923606F7CAC4}"/>
          </ac:picMkLst>
        </pc:picChg>
        <pc:picChg chg="add mod">
          <ac:chgData name="Geraldinne Yizeth Mendoza Rodriguez" userId="ad0510dc-b32c-4c8d-8743-33dce9345282" providerId="ADAL" clId="{466B72D7-D689-46A2-86D2-453A33C3A1BF}" dt="2024-04-24T17:24:48.024" v="647" actId="1076"/>
          <ac:picMkLst>
            <pc:docMk/>
            <pc:sldMk cId="734010219" sldId="4708"/>
            <ac:picMk id="9" creationId="{2ED96FC3-B444-2D01-0158-EEBBC863D630}"/>
          </ac:picMkLst>
        </pc:picChg>
        <pc:picChg chg="add mod">
          <ac:chgData name="Geraldinne Yizeth Mendoza Rodriguez" userId="ad0510dc-b32c-4c8d-8743-33dce9345282" providerId="ADAL" clId="{466B72D7-D689-46A2-86D2-453A33C3A1BF}" dt="2024-04-24T17:24:49.364" v="648" actId="1076"/>
          <ac:picMkLst>
            <pc:docMk/>
            <pc:sldMk cId="734010219" sldId="4708"/>
            <ac:picMk id="10" creationId="{A9A145E1-C53B-7F37-28BD-EA9BBA1198D1}"/>
          </ac:picMkLst>
        </pc:picChg>
      </pc:sldChg>
      <pc:sldChg chg="addSp delSp modSp mod ord">
        <pc:chgData name="Geraldinne Yizeth Mendoza Rodriguez" userId="ad0510dc-b32c-4c8d-8743-33dce9345282" providerId="ADAL" clId="{466B72D7-D689-46A2-86D2-453A33C3A1BF}" dt="2024-04-24T17:22:40.570" v="555" actId="1076"/>
        <pc:sldMkLst>
          <pc:docMk/>
          <pc:sldMk cId="3369557186" sldId="4709"/>
        </pc:sldMkLst>
        <pc:spChg chg="add del mod">
          <ac:chgData name="Geraldinne Yizeth Mendoza Rodriguez" userId="ad0510dc-b32c-4c8d-8743-33dce9345282" providerId="ADAL" clId="{466B72D7-D689-46A2-86D2-453A33C3A1BF}" dt="2024-04-24T17:20:58.492" v="513" actId="478"/>
          <ac:spMkLst>
            <pc:docMk/>
            <pc:sldMk cId="3369557186" sldId="4709"/>
            <ac:spMk id="7" creationId="{726D51B5-A78A-6640-4EBB-36D4F9A18E8F}"/>
          </ac:spMkLst>
        </pc:spChg>
        <pc:spChg chg="mod">
          <ac:chgData name="Geraldinne Yizeth Mendoza Rodriguez" userId="ad0510dc-b32c-4c8d-8743-33dce9345282" providerId="ADAL" clId="{466B72D7-D689-46A2-86D2-453A33C3A1BF}" dt="2024-04-24T17:22:40.570" v="555" actId="1076"/>
          <ac:spMkLst>
            <pc:docMk/>
            <pc:sldMk cId="3369557186" sldId="4709"/>
            <ac:spMk id="8" creationId="{E7A858C3-2C40-164F-D8A7-F31A9B2B3644}"/>
          </ac:spMkLst>
        </pc:spChg>
        <pc:spChg chg="mod">
          <ac:chgData name="Geraldinne Yizeth Mendoza Rodriguez" userId="ad0510dc-b32c-4c8d-8743-33dce9345282" providerId="ADAL" clId="{466B72D7-D689-46A2-86D2-453A33C3A1BF}" dt="2024-04-24T17:00:43.356" v="378" actId="1076"/>
          <ac:spMkLst>
            <pc:docMk/>
            <pc:sldMk cId="3369557186" sldId="4709"/>
            <ac:spMk id="11" creationId="{677FB587-C976-B5EC-D01B-BB5EDAD445E1}"/>
          </ac:spMkLst>
        </pc:spChg>
        <pc:spChg chg="mod">
          <ac:chgData name="Geraldinne Yizeth Mendoza Rodriguez" userId="ad0510dc-b32c-4c8d-8743-33dce9345282" providerId="ADAL" clId="{466B72D7-D689-46A2-86D2-453A33C3A1BF}" dt="2024-04-24T17:22:02.350" v="534" actId="1076"/>
          <ac:spMkLst>
            <pc:docMk/>
            <pc:sldMk cId="3369557186" sldId="4709"/>
            <ac:spMk id="12" creationId="{E3D775BF-FFB2-4D2D-FD3E-3660E30E2611}"/>
          </ac:spMkLst>
        </pc:spChg>
        <pc:picChg chg="mod">
          <ac:chgData name="Geraldinne Yizeth Mendoza Rodriguez" userId="ad0510dc-b32c-4c8d-8743-33dce9345282" providerId="ADAL" clId="{466B72D7-D689-46A2-86D2-453A33C3A1BF}" dt="2024-04-24T17:22:06.838" v="536" actId="1076"/>
          <ac:picMkLst>
            <pc:docMk/>
            <pc:sldMk cId="3369557186" sldId="4709"/>
            <ac:picMk id="2" creationId="{C2F09CAF-D7AB-46A4-EFE5-C66CDEA5DA86}"/>
          </ac:picMkLst>
        </pc:picChg>
        <pc:picChg chg="add del mod">
          <ac:chgData name="Geraldinne Yizeth Mendoza Rodriguez" userId="ad0510dc-b32c-4c8d-8743-33dce9345282" providerId="ADAL" clId="{466B72D7-D689-46A2-86D2-453A33C3A1BF}" dt="2024-04-24T17:17:16.293" v="398" actId="478"/>
          <ac:picMkLst>
            <pc:docMk/>
            <pc:sldMk cId="3369557186" sldId="4709"/>
            <ac:picMk id="3" creationId="{C4EF31E8-5C0B-9E10-E8A5-B98728AC1F4A}"/>
          </ac:picMkLst>
        </pc:picChg>
        <pc:picChg chg="add del mod">
          <ac:chgData name="Geraldinne Yizeth Mendoza Rodriguez" userId="ad0510dc-b32c-4c8d-8743-33dce9345282" providerId="ADAL" clId="{466B72D7-D689-46A2-86D2-453A33C3A1BF}" dt="2024-04-24T17:18:26.121" v="416" actId="478"/>
          <ac:picMkLst>
            <pc:docMk/>
            <pc:sldMk cId="3369557186" sldId="4709"/>
            <ac:picMk id="9" creationId="{20C6551C-B835-91E2-65B5-7FD719D5AF3D}"/>
          </ac:picMkLst>
        </pc:picChg>
        <pc:picChg chg="mod">
          <ac:chgData name="Geraldinne Yizeth Mendoza Rodriguez" userId="ad0510dc-b32c-4c8d-8743-33dce9345282" providerId="ADAL" clId="{466B72D7-D689-46A2-86D2-453A33C3A1BF}" dt="2024-04-24T17:21:07.691" v="517" actId="1076"/>
          <ac:picMkLst>
            <pc:docMk/>
            <pc:sldMk cId="3369557186" sldId="4709"/>
            <ac:picMk id="13" creationId="{4EEEAA87-AC05-491F-1280-97ABC2596684}"/>
          </ac:picMkLst>
        </pc:picChg>
      </pc:sldChg>
      <pc:sldChg chg="delSp modSp add mod">
        <pc:chgData name="Geraldinne Yizeth Mendoza Rodriguez" userId="ad0510dc-b32c-4c8d-8743-33dce9345282" providerId="ADAL" clId="{466B72D7-D689-46A2-86D2-453A33C3A1BF}" dt="2024-04-24T17:22:20.710" v="546" actId="20577"/>
        <pc:sldMkLst>
          <pc:docMk/>
          <pc:sldMk cId="955588766" sldId="2145707800"/>
        </pc:sldMkLst>
        <pc:spChg chg="del">
          <ac:chgData name="Geraldinne Yizeth Mendoza Rodriguez" userId="ad0510dc-b32c-4c8d-8743-33dce9345282" providerId="ADAL" clId="{466B72D7-D689-46A2-86D2-453A33C3A1BF}" dt="2024-04-24T17:19:00.527" v="470" actId="478"/>
          <ac:spMkLst>
            <pc:docMk/>
            <pc:sldMk cId="955588766" sldId="2145707800"/>
            <ac:spMk id="7" creationId="{726D51B5-A78A-6640-4EBB-36D4F9A18E8F}"/>
          </ac:spMkLst>
        </pc:spChg>
        <pc:spChg chg="mod">
          <ac:chgData name="Geraldinne Yizeth Mendoza Rodriguez" userId="ad0510dc-b32c-4c8d-8743-33dce9345282" providerId="ADAL" clId="{466B72D7-D689-46A2-86D2-453A33C3A1BF}" dt="2024-04-24T17:22:20.710" v="546" actId="20577"/>
          <ac:spMkLst>
            <pc:docMk/>
            <pc:sldMk cId="955588766" sldId="2145707800"/>
            <ac:spMk id="8" creationId="{E7A858C3-2C40-164F-D8A7-F31A9B2B3644}"/>
          </ac:spMkLst>
        </pc:spChg>
        <pc:spChg chg="mod">
          <ac:chgData name="Geraldinne Yizeth Mendoza Rodriguez" userId="ad0510dc-b32c-4c8d-8743-33dce9345282" providerId="ADAL" clId="{466B72D7-D689-46A2-86D2-453A33C3A1BF}" dt="2024-04-24T17:20:09.833" v="493" actId="1076"/>
          <ac:spMkLst>
            <pc:docMk/>
            <pc:sldMk cId="955588766" sldId="2145707800"/>
            <ac:spMk id="12" creationId="{E3D775BF-FFB2-4D2D-FD3E-3660E30E2611}"/>
          </ac:spMkLst>
        </pc:spChg>
        <pc:picChg chg="del">
          <ac:chgData name="Geraldinne Yizeth Mendoza Rodriguez" userId="ad0510dc-b32c-4c8d-8743-33dce9345282" providerId="ADAL" clId="{466B72D7-D689-46A2-86D2-453A33C3A1BF}" dt="2024-04-24T17:18:20.978" v="415" actId="478"/>
          <ac:picMkLst>
            <pc:docMk/>
            <pc:sldMk cId="955588766" sldId="2145707800"/>
            <ac:picMk id="2" creationId="{C2F09CAF-D7AB-46A4-EFE5-C66CDEA5DA86}"/>
          </ac:picMkLst>
        </pc:picChg>
        <pc:picChg chg="mod">
          <ac:chgData name="Geraldinne Yizeth Mendoza Rodriguez" userId="ad0510dc-b32c-4c8d-8743-33dce9345282" providerId="ADAL" clId="{466B72D7-D689-46A2-86D2-453A33C3A1BF}" dt="2024-04-24T17:19:52.585" v="491" actId="1076"/>
          <ac:picMkLst>
            <pc:docMk/>
            <pc:sldMk cId="955588766" sldId="2145707800"/>
            <ac:picMk id="9" creationId="{20C6551C-B835-91E2-65B5-7FD719D5AF3D}"/>
          </ac:picMkLst>
        </pc:picChg>
        <pc:picChg chg="mod">
          <ac:chgData name="Geraldinne Yizeth Mendoza Rodriguez" userId="ad0510dc-b32c-4c8d-8743-33dce9345282" providerId="ADAL" clId="{466B72D7-D689-46A2-86D2-453A33C3A1BF}" dt="2024-04-24T17:19:26.484" v="479" actId="1076"/>
          <ac:picMkLst>
            <pc:docMk/>
            <pc:sldMk cId="955588766" sldId="2145707800"/>
            <ac:picMk id="13" creationId="{4EEEAA87-AC05-491F-1280-97ABC2596684}"/>
          </ac:picMkLst>
        </pc:picChg>
      </pc:sldChg>
    </pc:docChg>
  </pc:docChgLst>
  <pc:docChgLst>
    <pc:chgData name="Geraldinne Yizeth Mendoza Rodriguez" userId="S::geraldinemendoza@supertransporte.gov.co::ad0510dc-b32c-4c8d-8743-33dce9345282" providerId="AD" clId="Web-{0115F384-C728-1653-8E40-34690D79EB1B}"/>
    <pc:docChg chg="addSld modSld modSection">
      <pc:chgData name="Geraldinne Yizeth Mendoza Rodriguez" userId="S::geraldinemendoza@supertransporte.gov.co::ad0510dc-b32c-4c8d-8743-33dce9345282" providerId="AD" clId="Web-{0115F384-C728-1653-8E40-34690D79EB1B}" dt="2024-04-11T02:31:17.564" v="211"/>
      <pc:docMkLst>
        <pc:docMk/>
      </pc:docMkLst>
      <pc:sldChg chg="addSp delSp">
        <pc:chgData name="Geraldinne Yizeth Mendoza Rodriguez" userId="S::geraldinemendoza@supertransporte.gov.co::ad0510dc-b32c-4c8d-8743-33dce9345282" providerId="AD" clId="Web-{0115F384-C728-1653-8E40-34690D79EB1B}" dt="2024-04-11T02:31:17.564" v="211"/>
        <pc:sldMkLst>
          <pc:docMk/>
          <pc:sldMk cId="1458161526" sldId="262"/>
        </pc:sldMkLst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95" v="210"/>
          <ac:spMkLst>
            <pc:docMk/>
            <pc:sldMk cId="1458161526" sldId="262"/>
            <ac:spMk id="36" creationId="{9862ECC9-7D7B-E21D-1B92-30B4B425F42D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95" v="205"/>
          <ac:spMkLst>
            <pc:docMk/>
            <pc:sldMk cId="1458161526" sldId="262"/>
            <ac:spMk id="118" creationId="{41395F85-D437-891F-5E81-7C201F2F5FEE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95" v="204"/>
          <ac:spMkLst>
            <pc:docMk/>
            <pc:sldMk cId="1458161526" sldId="262"/>
            <ac:spMk id="121" creationId="{EBE8EBA7-AC00-1E1E-BEB5-35DA66B70A03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203"/>
          <ac:spMkLst>
            <pc:docMk/>
            <pc:sldMk cId="1458161526" sldId="262"/>
            <ac:spMk id="124" creationId="{96FDA97B-AF7B-4974-B99F-ABAB5FC0A3C8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202"/>
          <ac:spMkLst>
            <pc:docMk/>
            <pc:sldMk cId="1458161526" sldId="262"/>
            <ac:spMk id="127" creationId="{DFC0AAE9-4200-FC16-CC28-EF7E71EED347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94"/>
          <ac:spMkLst>
            <pc:docMk/>
            <pc:sldMk cId="1458161526" sldId="262"/>
            <ac:spMk id="148" creationId="{015E6B21-3033-4064-96D9-D547E2CDF56B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92"/>
          <ac:spMkLst>
            <pc:docMk/>
            <pc:sldMk cId="1458161526" sldId="262"/>
            <ac:spMk id="149" creationId="{CFCBDDBC-DD7F-A857-0877-1198C743F9CC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91"/>
          <ac:spMkLst>
            <pc:docMk/>
            <pc:sldMk cId="1458161526" sldId="262"/>
            <ac:spMk id="150" creationId="{18095E2A-15A1-EE88-5880-ECB1F68A43A7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8"/>
          <ac:spMkLst>
            <pc:docMk/>
            <pc:sldMk cId="1458161526" sldId="262"/>
            <ac:spMk id="151" creationId="{7A608DC9-509A-797E-26A7-8F31D03D1BE2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9"/>
          <ac:spMkLst>
            <pc:docMk/>
            <pc:sldMk cId="1458161526" sldId="262"/>
            <ac:spMk id="160" creationId="{4DB4C697-BD16-961A-8F86-3EA08712B5C8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8"/>
          <ac:spMkLst>
            <pc:docMk/>
            <pc:sldMk cId="1458161526" sldId="262"/>
            <ac:spMk id="161" creationId="{C20FF5E4-A4B1-B551-DECB-2B66A5993464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7"/>
          <ac:spMkLst>
            <pc:docMk/>
            <pc:sldMk cId="1458161526" sldId="262"/>
            <ac:spMk id="162" creationId="{A6976932-5380-F183-63CD-8A3F438589F2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6"/>
          <ac:spMkLst>
            <pc:docMk/>
            <pc:sldMk cId="1458161526" sldId="262"/>
            <ac:spMk id="163" creationId="{39B26E13-39A9-CFBD-5E2B-5F508EDD25B9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5"/>
          <ac:spMkLst>
            <pc:docMk/>
            <pc:sldMk cId="1458161526" sldId="262"/>
            <ac:spMk id="164" creationId="{505EE4ED-FA91-89D7-0911-73D1A50B060D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4"/>
          <ac:spMkLst>
            <pc:docMk/>
            <pc:sldMk cId="1458161526" sldId="262"/>
            <ac:spMk id="165" creationId="{9EED7947-1F17-0F80-8416-07879783D3E7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3"/>
          <ac:spMkLst>
            <pc:docMk/>
            <pc:sldMk cId="1458161526" sldId="262"/>
            <ac:spMk id="166" creationId="{81E477DF-4048-76C9-E6A3-43F911C3D6DC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2"/>
          <ac:spMkLst>
            <pc:docMk/>
            <pc:sldMk cId="1458161526" sldId="262"/>
            <ac:spMk id="167" creationId="{D3E352DF-26A9-D33A-F2B7-9E1CF24CA848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1"/>
          <ac:spMkLst>
            <pc:docMk/>
            <pc:sldMk cId="1458161526" sldId="262"/>
            <ac:spMk id="168" creationId="{04C66D9E-E4D3-0F92-F9C4-16B5E6A21B69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80"/>
          <ac:spMkLst>
            <pc:docMk/>
            <pc:sldMk cId="1458161526" sldId="262"/>
            <ac:spMk id="169" creationId="{7A27F854-3668-0735-1E58-D16213C45BAD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9"/>
          <ac:spMkLst>
            <pc:docMk/>
            <pc:sldMk cId="1458161526" sldId="262"/>
            <ac:spMk id="171" creationId="{A95AFA83-017F-E714-2081-051D8488FED9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7"/>
          <ac:spMkLst>
            <pc:docMk/>
            <pc:sldMk cId="1458161526" sldId="262"/>
            <ac:spMk id="179" creationId="{FD23C126-42F1-301B-B5F0-03DD41394B51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5"/>
          <ac:spMkLst>
            <pc:docMk/>
            <pc:sldMk cId="1458161526" sldId="262"/>
            <ac:spMk id="181" creationId="{A4275E48-0F34-1921-A13F-748BAF8F4AD0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4"/>
          <ac:spMkLst>
            <pc:docMk/>
            <pc:sldMk cId="1458161526" sldId="262"/>
            <ac:spMk id="182" creationId="{22B5045E-A51C-74AE-1FF0-E8C209603FC2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3"/>
          <ac:spMkLst>
            <pc:docMk/>
            <pc:sldMk cId="1458161526" sldId="262"/>
            <ac:spMk id="183" creationId="{EB95E37E-2112-59BB-0E92-243AC106F88D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2"/>
          <ac:spMkLst>
            <pc:docMk/>
            <pc:sldMk cId="1458161526" sldId="262"/>
            <ac:spMk id="184" creationId="{0A39AFAF-1726-FA4A-7590-BB238D8B420A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1"/>
          <ac:spMkLst>
            <pc:docMk/>
            <pc:sldMk cId="1458161526" sldId="262"/>
            <ac:spMk id="185" creationId="{2EEA6FCE-3BC8-B18E-ED49-2BD95F15A548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70"/>
          <ac:spMkLst>
            <pc:docMk/>
            <pc:sldMk cId="1458161526" sldId="262"/>
            <ac:spMk id="186" creationId="{D284600F-4BC6-C270-C1BF-DE6E01D5FA96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69"/>
          <ac:spMkLst>
            <pc:docMk/>
            <pc:sldMk cId="1458161526" sldId="262"/>
            <ac:spMk id="187" creationId="{D01F4E7A-CA05-4C83-1237-B50A973FC32E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68"/>
          <ac:spMkLst>
            <pc:docMk/>
            <pc:sldMk cId="1458161526" sldId="262"/>
            <ac:spMk id="188" creationId="{26A3FD88-77F1-5DAA-396D-DA2481035BA6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67"/>
          <ac:spMkLst>
            <pc:docMk/>
            <pc:sldMk cId="1458161526" sldId="262"/>
            <ac:spMk id="189" creationId="{2F5666B0-EAD3-BBE1-2D9C-7B817B9033C9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66"/>
          <ac:spMkLst>
            <pc:docMk/>
            <pc:sldMk cId="1458161526" sldId="262"/>
            <ac:spMk id="190" creationId="{02B554E5-BAB6-F84A-7B3E-983BF10FB974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80" v="165"/>
          <ac:spMkLst>
            <pc:docMk/>
            <pc:sldMk cId="1458161526" sldId="262"/>
            <ac:spMk id="191" creationId="{30F7751F-AC10-A136-F5AF-5BCCEA543EAF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64"/>
          <ac:spMkLst>
            <pc:docMk/>
            <pc:sldMk cId="1458161526" sldId="262"/>
            <ac:spMk id="192" creationId="{7162BA68-1051-69EC-B64B-DF8621FF794F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63"/>
          <ac:spMkLst>
            <pc:docMk/>
            <pc:sldMk cId="1458161526" sldId="262"/>
            <ac:spMk id="193" creationId="{F4289B35-6027-986F-D6C7-089FD3A3B8C0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62"/>
          <ac:spMkLst>
            <pc:docMk/>
            <pc:sldMk cId="1458161526" sldId="262"/>
            <ac:spMk id="194" creationId="{DE72053F-627A-6A34-A254-20DE26EA461F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60"/>
          <ac:spMkLst>
            <pc:docMk/>
            <pc:sldMk cId="1458161526" sldId="262"/>
            <ac:spMk id="210" creationId="{3D56462F-6B1D-1302-7F91-F2D6EE82740E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58"/>
          <ac:spMkLst>
            <pc:docMk/>
            <pc:sldMk cId="1458161526" sldId="262"/>
            <ac:spMk id="211" creationId="{DF9BBDB0-6340-F203-09C9-F7782205EE5E}"/>
          </ac:spMkLst>
        </pc:spChg>
        <pc:spChg chg="add del">
          <ac:chgData name="Geraldinne Yizeth Mendoza Rodriguez" userId="S::geraldinemendoza@supertransporte.gov.co::ad0510dc-b32c-4c8d-8743-33dce9345282" providerId="AD" clId="Web-{0115F384-C728-1653-8E40-34690D79EB1B}" dt="2024-04-11T02:31:08.564" v="157"/>
          <ac:spMkLst>
            <pc:docMk/>
            <pc:sldMk cId="1458161526" sldId="262"/>
            <ac:spMk id="212" creationId="{AAA1A417-6816-126E-501A-12867C5EC723}"/>
          </ac:spMkLst>
        </pc:s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196"/>
          <ac:grpSpMkLst>
            <pc:docMk/>
            <pc:sldMk cId="1458161526" sldId="262"/>
            <ac:grpSpMk id="195" creationId="{6A76E03B-CC70-5AF2-85B9-BB15A18811AC}"/>
          </ac:grpSpMkLst>
        </pc:gr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197"/>
          <ac:grpSpMkLst>
            <pc:docMk/>
            <pc:sldMk cId="1458161526" sldId="262"/>
            <ac:grpSpMk id="196" creationId="{B95D2837-8349-4829-8820-F1CF8A77FD4D}"/>
          </ac:grpSpMkLst>
        </pc:gr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198"/>
          <ac:grpSpMkLst>
            <pc:docMk/>
            <pc:sldMk cId="1458161526" sldId="262"/>
            <ac:grpSpMk id="197" creationId="{54691705-08B5-E58A-9C28-CFEDCFE5DEF6}"/>
          </ac:grpSpMkLst>
        </pc:gr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199"/>
          <ac:grpSpMkLst>
            <pc:docMk/>
            <pc:sldMk cId="1458161526" sldId="262"/>
            <ac:grpSpMk id="198" creationId="{B46EC7DA-9BE2-E349-EF5B-5F737928FEE3}"/>
          </ac:grpSpMkLst>
        </pc:gr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200"/>
          <ac:grpSpMkLst>
            <pc:docMk/>
            <pc:sldMk cId="1458161526" sldId="262"/>
            <ac:grpSpMk id="199" creationId="{F901A23F-9C1E-3F60-EF80-A229BB04689F}"/>
          </ac:grpSpMkLst>
        </pc:grpChg>
        <pc:grpChg chg="add del">
          <ac:chgData name="Geraldinne Yizeth Mendoza Rodriguez" userId="S::geraldinemendoza@supertransporte.gov.co::ad0510dc-b32c-4c8d-8743-33dce9345282" providerId="AD" clId="Web-{0115F384-C728-1653-8E40-34690D79EB1B}" dt="2024-04-11T02:31:08.580" v="201"/>
          <ac:grpSpMkLst>
            <pc:docMk/>
            <pc:sldMk cId="1458161526" sldId="262"/>
            <ac:grpSpMk id="200" creationId="{955A865D-56EF-BF28-D18D-B5140C48BF1B}"/>
          </ac:grpSpMkLst>
        </pc:grpChg>
        <pc:graphicFrameChg chg="add del">
          <ac:chgData name="Geraldinne Yizeth Mendoza Rodriguez" userId="S::geraldinemendoza@supertransporte.gov.co::ad0510dc-b32c-4c8d-8743-33dce9345282" providerId="AD" clId="Web-{0115F384-C728-1653-8E40-34690D79EB1B}" dt="2024-04-11T02:31:08.595" v="206"/>
          <ac:graphicFrameMkLst>
            <pc:docMk/>
            <pc:sldMk cId="1458161526" sldId="262"/>
            <ac:graphicFrameMk id="107" creationId="{D2F57B4A-EA49-A1E5-9B12-B99E8302CC80}"/>
          </ac:graphicFrameMkLst>
        </pc:graphicFrameChg>
        <pc:graphicFrameChg chg="add del">
          <ac:chgData name="Geraldinne Yizeth Mendoza Rodriguez" userId="S::geraldinemendoza@supertransporte.gov.co::ad0510dc-b32c-4c8d-8743-33dce9345282" providerId="AD" clId="Web-{0115F384-C728-1653-8E40-34690D79EB1B}" dt="2024-04-11T02:31:08.564" v="161"/>
          <ac:graphicFrameMkLst>
            <pc:docMk/>
            <pc:sldMk cId="1458161526" sldId="262"/>
            <ac:graphicFrameMk id="108" creationId="{4AC2D530-F59F-55BD-46F2-C9604D112BB4}"/>
          </ac:graphicFrameMkLst>
        </pc:graphicFrameChg>
        <pc:picChg chg="add del">
          <ac:chgData name="Geraldinne Yizeth Mendoza Rodriguez" userId="S::geraldinemendoza@supertransporte.gov.co::ad0510dc-b32c-4c8d-8743-33dce9345282" providerId="AD" clId="Web-{0115F384-C728-1653-8E40-34690D79EB1B}" dt="2024-04-11T02:31:08.564" v="154"/>
          <ac:picMkLst>
            <pc:docMk/>
            <pc:sldMk cId="1458161526" sldId="262"/>
            <ac:picMk id="2" creationId="{6E9840D8-30FC-E6C9-C4E2-3374CA611401}"/>
          </ac:picMkLst>
        </pc:picChg>
        <pc:picChg chg="add">
          <ac:chgData name="Geraldinne Yizeth Mendoza Rodriguez" userId="S::geraldinemendoza@supertransporte.gov.co::ad0510dc-b32c-4c8d-8743-33dce9345282" providerId="AD" clId="Web-{0115F384-C728-1653-8E40-34690D79EB1B}" dt="2024-04-11T02:31:17.564" v="211"/>
          <ac:picMkLst>
            <pc:docMk/>
            <pc:sldMk cId="1458161526" sldId="262"/>
            <ac:picMk id="4" creationId="{77C45466-F45F-A96C-9ECB-AF8A6C3DEB7C}"/>
          </ac:picMkLst>
        </pc:picChg>
        <pc:picChg chg="add del">
          <ac:chgData name="Geraldinne Yizeth Mendoza Rodriguez" userId="S::geraldinemendoza@supertransporte.gov.co::ad0510dc-b32c-4c8d-8743-33dce9345282" providerId="AD" clId="Web-{0115F384-C728-1653-8E40-34690D79EB1B}" dt="2024-04-11T02:31:00.923" v="96"/>
          <ac:picMkLst>
            <pc:docMk/>
            <pc:sldMk cId="1458161526" sldId="262"/>
            <ac:picMk id="13" creationId="{4EEEAA87-AC05-491F-1280-97ABC2596684}"/>
          </ac:picMkLst>
        </pc:picChg>
        <pc:picChg chg="add del">
          <ac:chgData name="Geraldinne Yizeth Mendoza Rodriguez" userId="S::geraldinemendoza@supertransporte.gov.co::ad0510dc-b32c-4c8d-8743-33dce9345282" providerId="AD" clId="Web-{0115F384-C728-1653-8E40-34690D79EB1B}" dt="2024-04-11T02:31:08.564" v="156"/>
          <ac:picMkLst>
            <pc:docMk/>
            <pc:sldMk cId="1458161526" sldId="262"/>
            <ac:picMk id="214" creationId="{AF36E512-EACC-6995-BF0A-BB9790C4A4C5}"/>
          </ac:picMkLst>
        </pc:picChg>
        <pc:picChg chg="add del">
          <ac:chgData name="Geraldinne Yizeth Mendoza Rodriguez" userId="S::geraldinemendoza@supertransporte.gov.co::ad0510dc-b32c-4c8d-8743-33dce9345282" providerId="AD" clId="Web-{0115F384-C728-1653-8E40-34690D79EB1B}" dt="2024-04-11T02:31:08.564" v="155"/>
          <ac:picMkLst>
            <pc:docMk/>
            <pc:sldMk cId="1458161526" sldId="262"/>
            <ac:picMk id="216" creationId="{074E13C2-7F12-14D7-FB60-8FA9978C65D3}"/>
          </ac:picMkLst>
        </pc:picChg>
        <pc:picChg chg="add del">
          <ac:chgData name="Geraldinne Yizeth Mendoza Rodriguez" userId="S::geraldinemendoza@supertransporte.gov.co::ad0510dc-b32c-4c8d-8743-33dce9345282" providerId="AD" clId="Web-{0115F384-C728-1653-8E40-34690D79EB1B}" dt="2024-04-11T02:31:08.564" v="159"/>
          <ac:picMkLst>
            <pc:docMk/>
            <pc:sldMk cId="1458161526" sldId="262"/>
            <ac:picMk id="1026" creationId="{5F12E729-0DBA-B135-1A96-8C0EF7BB81C7}"/>
          </ac:picMkLst>
        </pc:pic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95" v="209"/>
          <ac:cxnSpMkLst>
            <pc:docMk/>
            <pc:sldMk cId="1458161526" sldId="262"/>
            <ac:cxnSpMk id="91" creationId="{7EA61E7F-43F9-A3BB-5781-D300F5E7B18B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95" v="208"/>
          <ac:cxnSpMkLst>
            <pc:docMk/>
            <pc:sldMk cId="1458161526" sldId="262"/>
            <ac:cxnSpMk id="95" creationId="{FFE0E83F-A81E-9F30-82D9-8FDACE2899A3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95" v="207"/>
          <ac:cxnSpMkLst>
            <pc:docMk/>
            <pc:sldMk cId="1458161526" sldId="262"/>
            <ac:cxnSpMk id="99" creationId="{45B0CFCE-8D07-EF41-4D41-78E52124D04F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80" v="195"/>
          <ac:cxnSpMkLst>
            <pc:docMk/>
            <pc:sldMk cId="1458161526" sldId="262"/>
            <ac:cxnSpMk id="147" creationId="{69F7E0CD-D05A-493E-7200-861567988464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80" v="193"/>
          <ac:cxnSpMkLst>
            <pc:docMk/>
            <pc:sldMk cId="1458161526" sldId="262"/>
            <ac:cxnSpMk id="154" creationId="{EE025608-5068-DDE0-2EE5-515B8EF0E1FA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80" v="190"/>
          <ac:cxnSpMkLst>
            <pc:docMk/>
            <pc:sldMk cId="1458161526" sldId="262"/>
            <ac:cxnSpMk id="158" creationId="{255668C3-92FE-0E58-A22B-26DB9D9E0219}"/>
          </ac:cxnSpMkLst>
        </pc:cxnChg>
        <pc:cxnChg chg="add del">
          <ac:chgData name="Geraldinne Yizeth Mendoza Rodriguez" userId="S::geraldinemendoza@supertransporte.gov.co::ad0510dc-b32c-4c8d-8743-33dce9345282" providerId="AD" clId="Web-{0115F384-C728-1653-8E40-34690D79EB1B}" dt="2024-04-11T02:31:08.580" v="176"/>
          <ac:cxnSpMkLst>
            <pc:docMk/>
            <pc:sldMk cId="1458161526" sldId="262"/>
            <ac:cxnSpMk id="180" creationId="{D1F69814-6E59-C70F-05EA-D82FC17D8154}"/>
          </ac:cxnSpMkLst>
        </pc:cxnChg>
      </pc:sldChg>
      <pc:sldChg chg="modSp">
        <pc:chgData name="Geraldinne Yizeth Mendoza Rodriguez" userId="S::geraldinemendoza@supertransporte.gov.co::ad0510dc-b32c-4c8d-8743-33dce9345282" providerId="AD" clId="Web-{0115F384-C728-1653-8E40-34690D79EB1B}" dt="2024-04-11T02:27:48.372" v="29" actId="20577"/>
        <pc:sldMkLst>
          <pc:docMk/>
          <pc:sldMk cId="0" sldId="267"/>
        </pc:sldMkLst>
        <pc:spChg chg="mod">
          <ac:chgData name="Geraldinne Yizeth Mendoza Rodriguez" userId="S::geraldinemendoza@supertransporte.gov.co::ad0510dc-b32c-4c8d-8743-33dce9345282" providerId="AD" clId="Web-{0115F384-C728-1653-8E40-34690D79EB1B}" dt="2024-04-11T02:27:36.996" v="27" actId="20577"/>
          <ac:spMkLst>
            <pc:docMk/>
            <pc:sldMk cId="0" sldId="267"/>
            <ac:spMk id="12" creationId="{00000000-0000-0000-0000-000000000000}"/>
          </ac:spMkLst>
        </pc:spChg>
        <pc:spChg chg="mod">
          <ac:chgData name="Geraldinne Yizeth Mendoza Rodriguez" userId="S::geraldinemendoza@supertransporte.gov.co::ad0510dc-b32c-4c8d-8743-33dce9345282" providerId="AD" clId="Web-{0115F384-C728-1653-8E40-34690D79EB1B}" dt="2024-04-11T02:27:48.372" v="29" actId="20577"/>
          <ac:spMkLst>
            <pc:docMk/>
            <pc:sldMk cId="0" sldId="267"/>
            <ac:spMk id="26" creationId="{00000000-0000-0000-0000-000000000000}"/>
          </ac:spMkLst>
        </pc:spChg>
      </pc:sldChg>
      <pc:sldChg chg="modSp">
        <pc:chgData name="Geraldinne Yizeth Mendoza Rodriguez" userId="S::geraldinemendoza@supertransporte.gov.co::ad0510dc-b32c-4c8d-8743-33dce9345282" providerId="AD" clId="Web-{0115F384-C728-1653-8E40-34690D79EB1B}" dt="2024-04-11T02:29:31.546" v="36" actId="1076"/>
        <pc:sldMkLst>
          <pc:docMk/>
          <pc:sldMk cId="734010219" sldId="4708"/>
        </pc:sldMkLst>
        <pc:spChg chg="mod">
          <ac:chgData name="Geraldinne Yizeth Mendoza Rodriguez" userId="S::geraldinemendoza@supertransporte.gov.co::ad0510dc-b32c-4c8d-8743-33dce9345282" providerId="AD" clId="Web-{0115F384-C728-1653-8E40-34690D79EB1B}" dt="2024-04-11T02:29:25.171" v="34" actId="1076"/>
          <ac:spMkLst>
            <pc:docMk/>
            <pc:sldMk cId="734010219" sldId="4708"/>
            <ac:spMk id="32" creationId="{5CEAB17E-A2F0-E2CC-21AD-E5013EB23D00}"/>
          </ac:spMkLst>
        </pc:spChg>
        <pc:spChg chg="mod">
          <ac:chgData name="Geraldinne Yizeth Mendoza Rodriguez" userId="S::geraldinemendoza@supertransporte.gov.co::ad0510dc-b32c-4c8d-8743-33dce9345282" providerId="AD" clId="Web-{0115F384-C728-1653-8E40-34690D79EB1B}" dt="2024-04-11T02:29:31.546" v="36" actId="1076"/>
          <ac:spMkLst>
            <pc:docMk/>
            <pc:sldMk cId="734010219" sldId="4708"/>
            <ac:spMk id="37" creationId="{E84D6101-2327-6A2C-087C-65524E42F6EB}"/>
          </ac:spMkLst>
        </pc:spChg>
        <pc:picChg chg="mod">
          <ac:chgData name="Geraldinne Yizeth Mendoza Rodriguez" userId="S::geraldinemendoza@supertransporte.gov.co::ad0510dc-b32c-4c8d-8743-33dce9345282" providerId="AD" clId="Web-{0115F384-C728-1653-8E40-34690D79EB1B}" dt="2024-04-11T02:29:14.889" v="31" actId="14100"/>
          <ac:picMkLst>
            <pc:docMk/>
            <pc:sldMk cId="734010219" sldId="4708"/>
            <ac:picMk id="2" creationId="{12637E37-F937-3CF6-1374-84762142A94E}"/>
          </ac:picMkLst>
        </pc:picChg>
        <pc:picChg chg="mod">
          <ac:chgData name="Geraldinne Yizeth Mendoza Rodriguez" userId="S::geraldinemendoza@supertransporte.gov.co::ad0510dc-b32c-4c8d-8743-33dce9345282" providerId="AD" clId="Web-{0115F384-C728-1653-8E40-34690D79EB1B}" dt="2024-04-11T02:29:08.045" v="30" actId="14100"/>
          <ac:picMkLst>
            <pc:docMk/>
            <pc:sldMk cId="734010219" sldId="4708"/>
            <ac:picMk id="34" creationId="{9389FF42-7638-E39B-4D15-519FF4C0E2BB}"/>
          </ac:picMkLst>
        </pc:picChg>
      </pc:sldChg>
      <pc:sldChg chg="add replId">
        <pc:chgData name="Geraldinne Yizeth Mendoza Rodriguez" userId="S::geraldinemendoza@supertransporte.gov.co::ad0510dc-b32c-4c8d-8743-33dce9345282" providerId="AD" clId="Web-{0115F384-C728-1653-8E40-34690D79EB1B}" dt="2024-04-11T02:30:51.720" v="37"/>
        <pc:sldMkLst>
          <pc:docMk/>
          <pc:sldMk cId="2479509389" sldId="2145707796"/>
        </pc:sldMkLst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encabezado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3" name="Marcador de fech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46CB3E5-3112-C642-BDD0-A285BD2949F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4" name="Marcador de imagen d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s-CO"/>
          </a:p>
        </p:txBody>
      </p:sp>
      <p:sp>
        <p:nvSpPr>
          <p:cNvPr id="5" name="Marcador de nota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6" name="Marcador de pie de pá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s-CO"/>
          </a:p>
        </p:txBody>
      </p:sp>
      <p:sp>
        <p:nvSpPr>
          <p:cNvPr id="7" name="Marcador de número de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7888552-F867-174D-AA12-E4A1857CF833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16895691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6C9B94-5F27-576C-CA5C-03776D97B5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MX"/>
              <a:t>Haz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98CF9ECD-2115-756F-CB30-633C396A4C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900A6178-C2D6-C7DD-C6F3-0B11077A44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05FF539E-5739-F701-38AE-7CF495BDF1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F7075E75-15C6-0427-A9C4-613630927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347607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n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340A6D-40F3-7035-3325-AE83E931D25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posición de imagen 2">
            <a:extLst>
              <a:ext uri="{FF2B5EF4-FFF2-40B4-BE49-F238E27FC236}">
                <a16:creationId xmlns:a16="http://schemas.microsoft.com/office/drawing/2014/main" id="{E2A7D9E6-CAB5-4C7D-1B30-20A8388CC1DB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s-ES"/>
              <a:t>Haga clic en el icono para agregar una imagen</a:t>
            </a:r>
            <a:endParaRPr lang="es-CO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F0A158BF-FF6E-847D-7E00-B915B20CB8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6339390A-542E-6DBE-B740-E7FDBBCE6E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9B7D9DE0-64E2-8E89-8A15-452E8AA94F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3E475C1F-5491-8C9E-8151-1880521446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87961289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ítulo y texto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D6EF4EC1-9A5D-C203-76EE-ED4DAF203C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2A7A7F30-1956-B62C-272A-ADC185335CF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E5F27784-2A13-DEBA-B7A7-B5648B35FB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9C7E5DFF-BAFB-4478-A79E-3627C940E4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1E276D13-E0C3-87F7-8BC4-DE19BB4AAA7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5576932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ítulo vertical y tex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vertical 1">
            <a:extLst>
              <a:ext uri="{FF2B5EF4-FFF2-40B4-BE49-F238E27FC236}">
                <a16:creationId xmlns:a16="http://schemas.microsoft.com/office/drawing/2014/main" id="{A053264E-1F1E-8B7A-0B7F-6674E21A8689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vertical 2">
            <a:extLst>
              <a:ext uri="{FF2B5EF4-FFF2-40B4-BE49-F238E27FC236}">
                <a16:creationId xmlns:a16="http://schemas.microsoft.com/office/drawing/2014/main" id="{ACC91289-1055-C474-3D7D-6E330117F1D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4FE36228-3BC4-C5F3-04FA-86D9A06579D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28F34147-CC63-D11E-9D95-4CEEF5A94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785551F5-FFA7-F14A-22DF-F76AFD2C1C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58779997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y objetos" type="obj">
  <p:cSld name="Título y objetos">
    <p:spTree>
      <p:nvGrpSpPr>
        <p:cNvPr id="1" name="Shape 8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6" name="Google Shape;86;p2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7" name="Google Shape;87;p2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88" name="Google Shape;88;p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89" name="Google Shape;89;p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90" name="Google Shape;90;p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67121557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ncabezado de sección" type="secHead">
  <p:cSld name="Encabezado de sección">
    <p:spTree>
      <p:nvGrpSpPr>
        <p:cNvPr id="1" name="Shape 9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" name="Google Shape;98;p4"/>
          <p:cNvSpPr txBox="1">
            <a:spLocks noGrp="1"/>
          </p:cNvSpPr>
          <p:nvPr>
            <p:ph type="title"/>
          </p:nvPr>
        </p:nvSpPr>
        <p:spPr>
          <a:xfrm>
            <a:off x="831850" y="1709738"/>
            <a:ext cx="10515600" cy="2852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  <a:defRPr sz="60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99" name="Google Shape;99;p4"/>
          <p:cNvSpPr txBox="1"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rgbClr val="888888"/>
              </a:buClr>
              <a:buSzPts val="2400"/>
              <a:buNone/>
              <a:defRPr sz="2400">
                <a:solidFill>
                  <a:srgbClr val="888888"/>
                </a:solidFill>
              </a:defRPr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2000"/>
              <a:buNone/>
              <a:defRPr sz="2000">
                <a:solidFill>
                  <a:srgbClr val="888888"/>
                </a:solidFill>
              </a:defRPr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800"/>
              <a:buNone/>
              <a:defRPr sz="1800">
                <a:solidFill>
                  <a:srgbClr val="888888"/>
                </a:solidFill>
              </a:defRPr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rgbClr val="888888"/>
              </a:buClr>
              <a:buSzPts val="1600"/>
              <a:buNone/>
              <a:defRPr sz="1600">
                <a:solidFill>
                  <a:srgbClr val="888888"/>
                </a:solidFill>
              </a:defRPr>
            </a:lvl9pPr>
          </a:lstStyle>
          <a:p>
            <a:endParaRPr/>
          </a:p>
        </p:txBody>
      </p:sp>
      <p:sp>
        <p:nvSpPr>
          <p:cNvPr id="100" name="Google Shape;100;p4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1" name="Google Shape;101;p4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2" name="Google Shape;102;p4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62557001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Dos objetos" type="twoObj">
  <p:cSld name="Dos objetos">
    <p:spTree>
      <p:nvGrpSpPr>
        <p:cNvPr id="1" name="Shape 10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" name="Google Shape;104;p5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5" name="Google Shape;105;p5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5181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6" name="Google Shape;106;p5"/>
          <p:cNvSpPr txBox="1">
            <a:spLocks noGrp="1"/>
          </p:cNvSpPr>
          <p:nvPr>
            <p:ph type="body" idx="2"/>
          </p:nvPr>
        </p:nvSpPr>
        <p:spPr>
          <a:xfrm>
            <a:off x="6172200" y="1825625"/>
            <a:ext cx="5181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07" name="Google Shape;107;p5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8" name="Google Shape;108;p5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09" name="Google Shape;109;p5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3717580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mparación" type="twoTxTwoObj">
  <p:cSld name="Comparación">
    <p:spTree>
      <p:nvGrpSpPr>
        <p:cNvPr id="1" name="Shape 110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" name="Google Shape;111;p6"/>
          <p:cNvSpPr txBox="1">
            <a:spLocks noGrp="1"/>
          </p:cNvSpPr>
          <p:nvPr>
            <p:ph type="title"/>
          </p:nvPr>
        </p:nvSpPr>
        <p:spPr>
          <a:xfrm>
            <a:off x="839788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2" name="Google Shape;112;p6"/>
          <p:cNvSpPr txBox="1">
            <a:spLocks noGrp="1"/>
          </p:cNvSpPr>
          <p:nvPr>
            <p:ph type="body" idx="1"/>
          </p:nvPr>
        </p:nvSpPr>
        <p:spPr>
          <a:xfrm>
            <a:off x="839788" y="1681163"/>
            <a:ext cx="5157900" cy="82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113" name="Google Shape;113;p6"/>
          <p:cNvSpPr txBox="1">
            <a:spLocks noGrp="1"/>
          </p:cNvSpPr>
          <p:nvPr>
            <p:ph type="body" idx="2"/>
          </p:nvPr>
        </p:nvSpPr>
        <p:spPr>
          <a:xfrm>
            <a:off x="839788" y="2505075"/>
            <a:ext cx="5157900" cy="3684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4" name="Google Shape;114;p6"/>
          <p:cNvSpPr txBox="1">
            <a:spLocks noGrp="1"/>
          </p:cNvSpPr>
          <p:nvPr>
            <p:ph type="body" idx="3"/>
          </p:nvPr>
        </p:nvSpPr>
        <p:spPr>
          <a:xfrm>
            <a:off x="6172200" y="1681163"/>
            <a:ext cx="5183100" cy="823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400"/>
              <a:buNone/>
              <a:defRPr sz="2400" b="1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None/>
              <a:defRPr sz="2000" b="1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 sz="1800" b="1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 b="1"/>
            </a:lvl9pPr>
          </a:lstStyle>
          <a:p>
            <a:endParaRPr/>
          </a:p>
        </p:txBody>
      </p:sp>
      <p:sp>
        <p:nvSpPr>
          <p:cNvPr id="115" name="Google Shape;115;p6"/>
          <p:cNvSpPr txBox="1">
            <a:spLocks noGrp="1"/>
          </p:cNvSpPr>
          <p:nvPr>
            <p:ph type="body" idx="4"/>
          </p:nvPr>
        </p:nvSpPr>
        <p:spPr>
          <a:xfrm>
            <a:off x="6172200" y="2505075"/>
            <a:ext cx="5183100" cy="3684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16" name="Google Shape;116;p6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7" name="Google Shape;117;p6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18" name="Google Shape;118;p6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454536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Solo el título" type="titleOnly">
  <p:cSld name="Solo el título">
    <p:spTree>
      <p:nvGrpSpPr>
        <p:cNvPr id="1" name="Shape 11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0" name="Google Shape;120;p7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1" name="Google Shape;121;p7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2" name="Google Shape;122;p7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3" name="Google Shape;123;p7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53718557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En blanco" type="blank">
  <p:cSld name="En blanco">
    <p:spTree>
      <p:nvGrpSpPr>
        <p:cNvPr id="1" name="Shape 1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5" name="Google Shape;125;p8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6" name="Google Shape;126;p8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27" name="Google Shape;127;p8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787333432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Contenido con título" type="objTx">
  <p:cSld name="Contenido con título">
    <p:spTree>
      <p:nvGrpSpPr>
        <p:cNvPr id="1" name="Shape 12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9" name="Google Shape;129;p9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100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0" name="Google Shape;130;p9"/>
          <p:cNvSpPr txBox="1">
            <a:spLocks noGrp="1"/>
          </p:cNvSpPr>
          <p:nvPr>
            <p:ph type="body" idx="1"/>
          </p:nvPr>
        </p:nvSpPr>
        <p:spPr>
          <a:xfrm>
            <a:off x="5183188" y="987425"/>
            <a:ext cx="6172200" cy="4873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4318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3200"/>
              <a:buChar char="•"/>
              <a:defRPr sz="3200"/>
            </a:lvl1pPr>
            <a:lvl2pPr marL="914400" lvl="1" indent="-4064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800"/>
              <a:buChar char="•"/>
              <a:defRPr sz="2800"/>
            </a:lvl2pPr>
            <a:lvl3pPr marL="1371600" lvl="2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Char char="•"/>
              <a:defRPr sz="2400"/>
            </a:lvl3pPr>
            <a:lvl4pPr marL="1828800" lvl="3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4pPr>
            <a:lvl5pPr marL="2286000" lvl="4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5pPr>
            <a:lvl6pPr marL="2743200" lvl="5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6pPr>
            <a:lvl7pPr marL="3200400" lvl="6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7pPr>
            <a:lvl8pPr marL="3657600" lvl="7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8pPr>
            <a:lvl9pPr marL="4114800" lvl="8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Char char="•"/>
              <a:defRPr sz="2000"/>
            </a:lvl9pPr>
          </a:lstStyle>
          <a:p>
            <a:endParaRPr/>
          </a:p>
        </p:txBody>
      </p:sp>
      <p:sp>
        <p:nvSpPr>
          <p:cNvPr id="131" name="Google Shape;131;p9"/>
          <p:cNvSpPr txBox="1">
            <a:spLocks noGrp="1"/>
          </p:cNvSpPr>
          <p:nvPr>
            <p:ph type="body" idx="2"/>
          </p:nvPr>
        </p:nvSpPr>
        <p:spPr>
          <a:xfrm>
            <a:off x="839788" y="2057400"/>
            <a:ext cx="3932100" cy="381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132" name="Google Shape;132;p9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3" name="Google Shape;133;p9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4" name="Google Shape;134;p9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336102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5164667-C21E-EE3C-5C2B-E48E142B8C2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Subtítulo 2">
            <a:extLst>
              <a:ext uri="{FF2B5EF4-FFF2-40B4-BE49-F238E27FC236}">
                <a16:creationId xmlns:a16="http://schemas.microsoft.com/office/drawing/2014/main" id="{B0BED777-E17A-810A-AF6E-DAF4A8C6474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s-ES"/>
              <a:t>Haga clic para modificar el estilo de subtítulo del patrón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0EDEF531-DDB4-9A1A-52CB-5FA671BE34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E1ED2994-B1B0-D8CB-CDBA-A12484008F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40D4BFD7-F8E9-8E84-59BD-6C603AA00F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22190050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Imagen con título" type="picTx">
  <p:cSld name="Imagen con título">
    <p:spTree>
      <p:nvGrpSpPr>
        <p:cNvPr id="1" name="Shape 135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" name="Google Shape;136;p10"/>
          <p:cNvSpPr txBox="1">
            <a:spLocks noGrp="1"/>
          </p:cNvSpPr>
          <p:nvPr>
            <p:ph type="title"/>
          </p:nvPr>
        </p:nvSpPr>
        <p:spPr>
          <a:xfrm>
            <a:off x="839788" y="457200"/>
            <a:ext cx="3932100" cy="1600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b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3200"/>
              <a:buFont typeface="Calibri"/>
              <a:buNone/>
              <a:defRPr sz="3200"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37" name="Google Shape;137;p10"/>
          <p:cNvSpPr>
            <a:spLocks noGrp="1"/>
          </p:cNvSpPr>
          <p:nvPr>
            <p:ph type="pic" idx="2"/>
          </p:nvPr>
        </p:nvSpPr>
        <p:spPr>
          <a:xfrm>
            <a:off x="5183188" y="987425"/>
            <a:ext cx="6172200" cy="4873500"/>
          </a:xfrm>
          <a:prstGeom prst="rect">
            <a:avLst/>
          </a:prstGeom>
          <a:noFill/>
          <a:ln>
            <a:noFill/>
          </a:ln>
        </p:spPr>
      </p:sp>
      <p:sp>
        <p:nvSpPr>
          <p:cNvPr id="138" name="Google Shape;138;p10"/>
          <p:cNvSpPr txBox="1">
            <a:spLocks noGrp="1"/>
          </p:cNvSpPr>
          <p:nvPr>
            <p:ph type="body" idx="1"/>
          </p:nvPr>
        </p:nvSpPr>
        <p:spPr>
          <a:xfrm>
            <a:off x="839788" y="2057400"/>
            <a:ext cx="3932100" cy="38115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2286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600"/>
              <a:buNone/>
              <a:defRPr sz="1600"/>
            </a:lvl1pPr>
            <a:lvl2pPr marL="914400" lvl="1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400"/>
              <a:buNone/>
              <a:defRPr sz="1400"/>
            </a:lvl2pPr>
            <a:lvl3pPr marL="1371600" lvl="2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200"/>
              <a:buNone/>
              <a:defRPr sz="1200"/>
            </a:lvl3pPr>
            <a:lvl4pPr marL="1828800" lvl="3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4pPr>
            <a:lvl5pPr marL="2286000" lvl="4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5pPr>
            <a:lvl6pPr marL="2743200" lvl="5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6pPr>
            <a:lvl7pPr marL="3200400" lvl="6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7pPr>
            <a:lvl8pPr marL="3657600" lvl="7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8pPr>
            <a:lvl9pPr marL="4114800" lvl="8" indent="-228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000"/>
              <a:buNone/>
              <a:defRPr sz="1000"/>
            </a:lvl9pPr>
          </a:lstStyle>
          <a:p>
            <a:endParaRPr/>
          </a:p>
        </p:txBody>
      </p:sp>
      <p:sp>
        <p:nvSpPr>
          <p:cNvPr id="139" name="Google Shape;139;p10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0" name="Google Shape;140;p10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1" name="Google Shape;141;p10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56225099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y texto vertical" type="vertTx">
  <p:cSld name="Título y texto vertical">
    <p:spTree>
      <p:nvGrpSpPr>
        <p:cNvPr id="1" name="Shape 14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3" name="Google Shape;143;p1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4" name="Google Shape;144;p11"/>
          <p:cNvSpPr txBox="1">
            <a:spLocks noGrp="1"/>
          </p:cNvSpPr>
          <p:nvPr>
            <p:ph type="body" idx="1"/>
          </p:nvPr>
        </p:nvSpPr>
        <p:spPr>
          <a:xfrm rot="5400000">
            <a:off x="3920400" y="-1256575"/>
            <a:ext cx="4351200" cy="105156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45" name="Google Shape;145;p1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6" name="Google Shape;146;p1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47" name="Google Shape;147;p1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382482952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ítulo vertical y texto" type="vertTitleAndTx">
  <p:cSld name="Título vertical y texto">
    <p:spTree>
      <p:nvGrpSpPr>
        <p:cNvPr id="1" name="Shape 148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9" name="Google Shape;149;p12"/>
          <p:cNvSpPr txBox="1">
            <a:spLocks noGrp="1"/>
          </p:cNvSpPr>
          <p:nvPr>
            <p:ph type="title"/>
          </p:nvPr>
        </p:nvSpPr>
        <p:spPr>
          <a:xfrm rot="5400000">
            <a:off x="7133400" y="1956625"/>
            <a:ext cx="5811900" cy="26289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1800"/>
              <a:buNone/>
              <a:defRPr/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0" name="Google Shape;150;p12"/>
          <p:cNvSpPr txBox="1">
            <a:spLocks noGrp="1"/>
          </p:cNvSpPr>
          <p:nvPr>
            <p:ph type="body" idx="1"/>
          </p:nvPr>
        </p:nvSpPr>
        <p:spPr>
          <a:xfrm rot="5400000">
            <a:off x="1799400" y="-596075"/>
            <a:ext cx="5811900" cy="77343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lvl="0" indent="-3429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1pPr>
            <a:lvl2pPr marL="914400" lvl="1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2pPr>
            <a:lvl3pPr marL="1371600" lvl="2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3pPr>
            <a:lvl4pPr marL="182880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4pPr>
            <a:lvl5pPr marL="228600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5pPr>
            <a:lvl6pPr marL="274320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6pPr>
            <a:lvl7pPr marL="320040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7pPr>
            <a:lvl8pPr marL="365760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8pPr>
            <a:lvl9pPr marL="411480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Char char="•"/>
              <a:defRPr/>
            </a:lvl9pPr>
          </a:lstStyle>
          <a:p>
            <a:endParaRPr/>
          </a:p>
        </p:txBody>
      </p:sp>
      <p:sp>
        <p:nvSpPr>
          <p:cNvPr id="151" name="Google Shape;151;p12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2" name="Google Shape;152;p12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1pPr>
            <a:lvl2pPr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153" name="Google Shape;153;p12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lvl="0" indent="0" algn="r" rtl="0">
              <a:spcBef>
                <a:spcPts val="0"/>
              </a:spcBef>
              <a:buNone/>
              <a:defRPr/>
            </a:lvl1pPr>
            <a:lvl2pPr marL="0" lvl="1" indent="0" algn="r" rtl="0">
              <a:spcBef>
                <a:spcPts val="0"/>
              </a:spcBef>
              <a:buNone/>
              <a:defRPr/>
            </a:lvl2pPr>
            <a:lvl3pPr marL="0" lvl="2" indent="0" algn="r" rtl="0">
              <a:spcBef>
                <a:spcPts val="0"/>
              </a:spcBef>
              <a:buNone/>
              <a:defRPr/>
            </a:lvl3pPr>
            <a:lvl4pPr marL="0" lvl="3" indent="0" algn="r" rtl="0">
              <a:spcBef>
                <a:spcPts val="0"/>
              </a:spcBef>
              <a:buNone/>
              <a:defRPr/>
            </a:lvl4pPr>
            <a:lvl5pPr marL="0" lvl="4" indent="0" algn="r" rtl="0">
              <a:spcBef>
                <a:spcPts val="0"/>
              </a:spcBef>
              <a:buNone/>
              <a:defRPr/>
            </a:lvl5pPr>
            <a:lvl6pPr marL="0" lvl="5" indent="0" algn="r" rtl="0">
              <a:spcBef>
                <a:spcPts val="0"/>
              </a:spcBef>
              <a:buNone/>
              <a:defRPr/>
            </a:lvl6pPr>
            <a:lvl7pPr marL="0" lvl="6" indent="0" algn="r" rtl="0">
              <a:spcBef>
                <a:spcPts val="0"/>
              </a:spcBef>
              <a:buNone/>
              <a:defRPr/>
            </a:lvl7pPr>
            <a:lvl8pPr marL="0" lvl="7" indent="0" algn="r" rtl="0">
              <a:spcBef>
                <a:spcPts val="0"/>
              </a:spcBef>
              <a:buNone/>
              <a:defRPr/>
            </a:lvl8pPr>
            <a:lvl9pPr marL="0" lvl="8" indent="0" algn="r" rtl="0">
              <a:spcBef>
                <a:spcPts val="0"/>
              </a:spcBef>
              <a:buNone/>
              <a:defRPr/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100396726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16C9B94-5F27-576C-CA5C-03776D97B5E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98CF9ECD-2115-756F-CB30-633C396A4C2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900A6178-C2D6-C7DD-C6F3-0B11077A44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05FF539E-5739-F701-38AE-7CF495BDF14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F7075E75-15C6-0427-A9C4-6136309279B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34760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Encabezado de sec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84541FB5-2C74-4EC3-E5C0-2E05B86604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389A13A9-5F25-7A2F-4C0A-D1FF7C37F7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82DCB142-CE85-5A04-D74E-E9D12A72EF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9F1A1157-98F5-BAB6-BB2E-4187561D14D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9A4A3062-730C-E1E9-74A9-E8278FADFE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32834745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os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F9C9BA64-D303-2269-A35B-4789C5EC56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F0189D6B-3B4F-F29B-CC12-D55E939C07D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371A831F-5A64-73EB-9535-B3943DE307C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F126774A-FD32-B9F2-3B9E-91AECBE4B0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F9864099-E4E7-4A41-E112-FAAF15014FF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9BEF12FA-AEE7-2AAE-1E6A-A892F6B92D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77325194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ció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118A94FB-B50D-D7F9-B8D1-D4132B34AE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940C015A-F963-82E7-D570-5E78BE89478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4" name="Marcador de contenido 3">
            <a:extLst>
              <a:ext uri="{FF2B5EF4-FFF2-40B4-BE49-F238E27FC236}">
                <a16:creationId xmlns:a16="http://schemas.microsoft.com/office/drawing/2014/main" id="{934BF0C9-C60F-8BC8-927D-443736795D9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5" name="Marcador de texto 4">
            <a:extLst>
              <a:ext uri="{FF2B5EF4-FFF2-40B4-BE49-F238E27FC236}">
                <a16:creationId xmlns:a16="http://schemas.microsoft.com/office/drawing/2014/main" id="{46A8EB92-2F62-D972-74B5-7DAC8D745D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6" name="Marcador de contenido 5">
            <a:extLst>
              <a:ext uri="{FF2B5EF4-FFF2-40B4-BE49-F238E27FC236}">
                <a16:creationId xmlns:a16="http://schemas.microsoft.com/office/drawing/2014/main" id="{BCD52327-02DF-8D80-A257-B2CC7F3EA8D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7" name="Marcador de fecha 6">
            <a:extLst>
              <a:ext uri="{FF2B5EF4-FFF2-40B4-BE49-F238E27FC236}">
                <a16:creationId xmlns:a16="http://schemas.microsoft.com/office/drawing/2014/main" id="{A20B4925-2CD1-A99A-2572-8E00AAAE3B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8" name="Marcador de pie de página 7">
            <a:extLst>
              <a:ext uri="{FF2B5EF4-FFF2-40B4-BE49-F238E27FC236}">
                <a16:creationId xmlns:a16="http://schemas.microsoft.com/office/drawing/2014/main" id="{4F6363B2-F1BD-FAF9-2F13-08A36FB632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9" name="Marcador de número de diapositiva 8">
            <a:extLst>
              <a:ext uri="{FF2B5EF4-FFF2-40B4-BE49-F238E27FC236}">
                <a16:creationId xmlns:a16="http://schemas.microsoft.com/office/drawing/2014/main" id="{376DC013-ECF3-ACAC-74FE-537FE22EA4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2612637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el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C2850100-8F44-1D9A-3F4E-DFE81324DE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fecha 2">
            <a:extLst>
              <a:ext uri="{FF2B5EF4-FFF2-40B4-BE49-F238E27FC236}">
                <a16:creationId xmlns:a16="http://schemas.microsoft.com/office/drawing/2014/main" id="{13FCB48E-1BBA-D7DD-343A-24B205B388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4" name="Marcador de pie de página 3">
            <a:extLst>
              <a:ext uri="{FF2B5EF4-FFF2-40B4-BE49-F238E27FC236}">
                <a16:creationId xmlns:a16="http://schemas.microsoft.com/office/drawing/2014/main" id="{E809DEBD-4A40-5F6B-6A4C-E26521864C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5" name="Marcador de número de diapositiva 4">
            <a:extLst>
              <a:ext uri="{FF2B5EF4-FFF2-40B4-BE49-F238E27FC236}">
                <a16:creationId xmlns:a16="http://schemas.microsoft.com/office/drawing/2014/main" id="{3F141FBB-DC96-00B3-B900-03E0696EDFB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167979742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En bl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fecha 1">
            <a:extLst>
              <a:ext uri="{FF2B5EF4-FFF2-40B4-BE49-F238E27FC236}">
                <a16:creationId xmlns:a16="http://schemas.microsoft.com/office/drawing/2014/main" id="{C13D52B9-09EB-6652-BB46-6310088B56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3" name="Marcador de pie de página 2">
            <a:extLst>
              <a:ext uri="{FF2B5EF4-FFF2-40B4-BE49-F238E27FC236}">
                <a16:creationId xmlns:a16="http://schemas.microsoft.com/office/drawing/2014/main" id="{EAAE8D00-27E3-CE46-FAEB-BBB716510D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4" name="Marcador de número de diapositiva 3">
            <a:extLst>
              <a:ext uri="{FF2B5EF4-FFF2-40B4-BE49-F238E27FC236}">
                <a16:creationId xmlns:a16="http://schemas.microsoft.com/office/drawing/2014/main" id="{D0B8094B-FC72-69A5-1E99-67B2D76D88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4162978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ido con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>
            <a:extLst>
              <a:ext uri="{FF2B5EF4-FFF2-40B4-BE49-F238E27FC236}">
                <a16:creationId xmlns:a16="http://schemas.microsoft.com/office/drawing/2014/main" id="{622432F5-7136-C374-D824-DFB3CA1C1D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s-ES"/>
              <a:t>Haga clic para modificar el estilo de título del patrón</a:t>
            </a:r>
            <a:endParaRPr lang="es-CO"/>
          </a:p>
        </p:txBody>
      </p:sp>
      <p:sp>
        <p:nvSpPr>
          <p:cNvPr id="3" name="Marcador de contenido 2">
            <a:extLst>
              <a:ext uri="{FF2B5EF4-FFF2-40B4-BE49-F238E27FC236}">
                <a16:creationId xmlns:a16="http://schemas.microsoft.com/office/drawing/2014/main" id="{2E957148-A18B-46C1-A422-D0AEB65FFEC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  <a:p>
            <a:pPr lvl="1"/>
            <a:r>
              <a:rPr lang="es-ES"/>
              <a:t>Segundo nivel</a:t>
            </a:r>
          </a:p>
          <a:p>
            <a:pPr lvl="2"/>
            <a:r>
              <a:rPr lang="es-ES"/>
              <a:t>Tercer nivel</a:t>
            </a:r>
          </a:p>
          <a:p>
            <a:pPr lvl="3"/>
            <a:r>
              <a:rPr lang="es-ES"/>
              <a:t>Cuarto nivel</a:t>
            </a:r>
          </a:p>
          <a:p>
            <a:pPr lvl="4"/>
            <a:r>
              <a:rPr lang="es-ES"/>
              <a:t>Quinto nivel</a:t>
            </a:r>
            <a:endParaRPr lang="es-CO"/>
          </a:p>
        </p:txBody>
      </p:sp>
      <p:sp>
        <p:nvSpPr>
          <p:cNvPr id="4" name="Marcador de texto 3">
            <a:extLst>
              <a:ext uri="{FF2B5EF4-FFF2-40B4-BE49-F238E27FC236}">
                <a16:creationId xmlns:a16="http://schemas.microsoft.com/office/drawing/2014/main" id="{56BBB9B4-508B-0710-E737-1FEF1819DF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s-ES"/>
              <a:t>Haga clic para modificar los estilos de texto del patrón</a:t>
            </a:r>
          </a:p>
        </p:txBody>
      </p:sp>
      <p:sp>
        <p:nvSpPr>
          <p:cNvPr id="5" name="Marcador de fecha 4">
            <a:extLst>
              <a:ext uri="{FF2B5EF4-FFF2-40B4-BE49-F238E27FC236}">
                <a16:creationId xmlns:a16="http://schemas.microsoft.com/office/drawing/2014/main" id="{D9190769-EB50-08D4-4DC0-0335505E068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6" name="Marcador de pie de página 5">
            <a:extLst>
              <a:ext uri="{FF2B5EF4-FFF2-40B4-BE49-F238E27FC236}">
                <a16:creationId xmlns:a16="http://schemas.microsoft.com/office/drawing/2014/main" id="{0761BC01-5262-E0E1-E1C9-A0F04E22BA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s-CO"/>
          </a:p>
        </p:txBody>
      </p:sp>
      <p:sp>
        <p:nvSpPr>
          <p:cNvPr id="7" name="Marcador de número de diapositiva 6">
            <a:extLst>
              <a:ext uri="{FF2B5EF4-FFF2-40B4-BE49-F238E27FC236}">
                <a16:creationId xmlns:a16="http://schemas.microsoft.com/office/drawing/2014/main" id="{DB73A281-C37B-CA4C-B1F9-2CB36716B7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7710399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7.xml"/><Relationship Id="rId10" Type="http://schemas.openxmlformats.org/officeDocument/2006/relationships/slideLayout" Target="../slideLayouts/slideLayout22.xml"/><Relationship Id="rId4" Type="http://schemas.openxmlformats.org/officeDocument/2006/relationships/slideLayout" Target="../slideLayouts/slideLayout16.xml"/><Relationship Id="rId9" Type="http://schemas.openxmlformats.org/officeDocument/2006/relationships/slideLayout" Target="../slideLayouts/slideLayout2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rcador de título 1">
            <a:extLst>
              <a:ext uri="{FF2B5EF4-FFF2-40B4-BE49-F238E27FC236}">
                <a16:creationId xmlns:a16="http://schemas.microsoft.com/office/drawing/2014/main" id="{FE22631B-DA93-674A-0E82-DB777DE3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s-MX"/>
              <a:t>Haz clic para modificar el estilo de título del patrón</a:t>
            </a:r>
            <a:endParaRPr lang="es-CO"/>
          </a:p>
        </p:txBody>
      </p:sp>
      <p:sp>
        <p:nvSpPr>
          <p:cNvPr id="3" name="Marcador de texto 2">
            <a:extLst>
              <a:ext uri="{FF2B5EF4-FFF2-40B4-BE49-F238E27FC236}">
                <a16:creationId xmlns:a16="http://schemas.microsoft.com/office/drawing/2014/main" id="{53612A1C-23F5-7C29-563B-BE42ABC9C32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s-MX"/>
              <a:t>Haga clic para modificar los estilos de texto del patrón</a:t>
            </a:r>
          </a:p>
          <a:p>
            <a:pPr lvl="1"/>
            <a:r>
              <a:rPr lang="es-MX"/>
              <a:t>Segundo nivel</a:t>
            </a:r>
          </a:p>
          <a:p>
            <a:pPr lvl="2"/>
            <a:r>
              <a:rPr lang="es-MX"/>
              <a:t>Tercer nivel</a:t>
            </a:r>
          </a:p>
          <a:p>
            <a:pPr lvl="3"/>
            <a:r>
              <a:rPr lang="es-MX"/>
              <a:t>Cuarto nivel</a:t>
            </a:r>
          </a:p>
          <a:p>
            <a:pPr lvl="4"/>
            <a:r>
              <a:rPr lang="es-MX"/>
              <a:t>Quinto nivel</a:t>
            </a:r>
            <a:endParaRPr lang="es-CO"/>
          </a:p>
        </p:txBody>
      </p:sp>
      <p:sp>
        <p:nvSpPr>
          <p:cNvPr id="4" name="Marcador de fecha 3">
            <a:extLst>
              <a:ext uri="{FF2B5EF4-FFF2-40B4-BE49-F238E27FC236}">
                <a16:creationId xmlns:a16="http://schemas.microsoft.com/office/drawing/2014/main" id="{6B0A8CD2-0EF6-B1F3-34E8-A39DEC1ED2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17883F-3691-C943-9DFF-E681C1DEAD1E}" type="datetimeFigureOut">
              <a:rPr lang="es-CO" smtClean="0"/>
              <a:t>24/04/2024</a:t>
            </a:fld>
            <a:endParaRPr lang="es-CO"/>
          </a:p>
        </p:txBody>
      </p:sp>
      <p:sp>
        <p:nvSpPr>
          <p:cNvPr id="5" name="Marcador de pie de página 4">
            <a:extLst>
              <a:ext uri="{FF2B5EF4-FFF2-40B4-BE49-F238E27FC236}">
                <a16:creationId xmlns:a16="http://schemas.microsoft.com/office/drawing/2014/main" id="{BCD75930-C2D1-7599-DE14-7EC84ED9CA9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s-CO"/>
          </a:p>
        </p:txBody>
      </p:sp>
      <p:sp>
        <p:nvSpPr>
          <p:cNvPr id="6" name="Marcador de número de diapositiva 5">
            <a:extLst>
              <a:ext uri="{FF2B5EF4-FFF2-40B4-BE49-F238E27FC236}">
                <a16:creationId xmlns:a16="http://schemas.microsoft.com/office/drawing/2014/main" id="{5522243F-E44D-6327-F41A-36D44EED88C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1269F0-EEA4-0E40-AC05-8F487FE3FC24}" type="slidenum">
              <a:rPr lang="es-CO" smtClean="0"/>
              <a:t>‹#›</a:t>
            </a:fld>
            <a:endParaRPr lang="es-CO"/>
          </a:p>
        </p:txBody>
      </p:sp>
    </p:spTree>
    <p:extLst>
      <p:ext uri="{BB962C8B-B14F-4D97-AF65-F5344CB8AC3E}">
        <p14:creationId xmlns:p14="http://schemas.microsoft.com/office/powerpoint/2010/main" val="21199335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8" r:id="rId1"/>
    <p:sldLayoutId id="2147483649" r:id="rId2"/>
    <p:sldLayoutId id="2147483650" r:id="rId3"/>
    <p:sldLayoutId id="2147483651" r:id="rId4"/>
    <p:sldLayoutId id="2147483652" r:id="rId5"/>
    <p:sldLayoutId id="2147483653" r:id="rId6"/>
    <p:sldLayoutId id="2147483654" r:id="rId7"/>
    <p:sldLayoutId id="2147483655" r:id="rId8"/>
    <p:sldLayoutId id="2147483656" r:id="rId9"/>
    <p:sldLayoutId id="2147483657" r:id="rId10"/>
    <p:sldLayoutId id="2147483658" r:id="rId11"/>
    <p:sldLayoutId id="2147483659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s-C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79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" name="Google Shape;80;p1"/>
          <p:cNvSpPr txBox="1">
            <a:spLocks noGrp="1"/>
          </p:cNvSpPr>
          <p:nvPr>
            <p:ph type="title"/>
          </p:nvPr>
        </p:nvSpPr>
        <p:spPr>
          <a:xfrm>
            <a:off x="838200" y="365125"/>
            <a:ext cx="10515600" cy="13257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rmAutofit/>
          </a:bodyPr>
          <a:lstStyle>
            <a:lvl1pPr marR="0"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4400"/>
              <a:buFont typeface="Calibri"/>
              <a:buNone/>
              <a:defRPr sz="4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lvl="1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2pPr>
            <a:lvl3pPr lvl="2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3pPr>
            <a:lvl4pPr lvl="3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4pPr>
            <a:lvl5pPr lvl="4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5pPr>
            <a:lvl6pPr lvl="5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6pPr>
            <a:lvl7pPr lvl="6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7pPr>
            <a:lvl8pPr lvl="7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8pPr>
            <a:lvl9pPr lvl="8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/>
            </a:lvl9pPr>
          </a:lstStyle>
          <a:p>
            <a:endParaRPr/>
          </a:p>
        </p:txBody>
      </p:sp>
      <p:sp>
        <p:nvSpPr>
          <p:cNvPr id="81" name="Google Shape;81;p1"/>
          <p:cNvSpPr txBox="1"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2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normAutofit/>
          </a:bodyPr>
          <a:lstStyle>
            <a:lvl1pPr marL="457200" marR="0" lvl="0" indent="-406400" algn="l" rtl="0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>
                <a:schemeClr val="dk1"/>
              </a:buClr>
              <a:buSzPts val="2800"/>
              <a:buFont typeface="Arial"/>
              <a:buChar char="•"/>
              <a:defRPr sz="2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914400" marR="0" lvl="1" indent="-3810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400"/>
              <a:buFont typeface="Arial"/>
              <a:buChar char="•"/>
              <a:defRPr sz="24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371600" marR="0" lvl="2" indent="-3556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2000"/>
              <a:buFont typeface="Arial"/>
              <a:buChar char="•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828800" marR="0" lvl="3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286000" marR="0" lvl="4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743200" marR="0" lvl="5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3200400" marR="0" lvl="6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657600" marR="0" lvl="7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4114800" marR="0" lvl="8" indent="-342900" algn="l" rtl="0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>
                <a:schemeClr val="dk1"/>
              </a:buClr>
              <a:buSzPts val="18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2" name="Google Shape;82;p1"/>
          <p:cNvSpPr txBox="1">
            <a:spLocks noGrp="1"/>
          </p:cNvSpPr>
          <p:nvPr>
            <p:ph type="dt" idx="10"/>
          </p:nvPr>
        </p:nvSpPr>
        <p:spPr>
          <a:xfrm>
            <a:off x="8382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3" name="Google Shape;83;p1"/>
          <p:cNvSpPr txBox="1">
            <a:spLocks noGrp="1"/>
          </p:cNvSpPr>
          <p:nvPr>
            <p:ph type="ftr" idx="11"/>
          </p:nvPr>
        </p:nvSpPr>
        <p:spPr>
          <a:xfrm>
            <a:off x="4038600" y="6356350"/>
            <a:ext cx="41148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R="0" lvl="0" algn="ctr" rtl="0">
              <a:spcBef>
                <a:spcPts val="0"/>
              </a:spcBef>
              <a:spcAft>
                <a:spcPts val="0"/>
              </a:spcAft>
              <a:buSzPts val="1400"/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R="0" lvl="1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R="0" lvl="2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R="0" lvl="3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R="0" lvl="4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R="0" lvl="5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R="0" lvl="6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R="0" lvl="7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R="0" lvl="8" algn="l" rtl="0">
              <a:spcBef>
                <a:spcPts val="0"/>
              </a:spcBef>
              <a:spcAft>
                <a:spcPts val="0"/>
              </a:spcAft>
              <a:buSzPts val="1400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4" name="Google Shape;84;p1"/>
          <p:cNvSpPr txBox="1">
            <a:spLocks noGrp="1"/>
          </p:cNvSpPr>
          <p:nvPr>
            <p:ph type="sldNum" idx="12"/>
          </p:nvPr>
        </p:nvSpPr>
        <p:spPr>
          <a:xfrm>
            <a:off x="8610600" y="6356350"/>
            <a:ext cx="2743200" cy="3651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ctr" anchorCtr="0">
            <a:noAutofit/>
          </a:bodyPr>
          <a:lstStyle>
            <a:lvl1pPr marL="0" marR="0" lvl="0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spcBef>
                <a:spcPts val="0"/>
              </a:spcBef>
              <a:buNone/>
              <a:defRPr sz="1200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lvl="0" indent="0" algn="r" rtl="0">
              <a:spcBef>
                <a:spcPts val="0"/>
              </a:spcBef>
              <a:spcAft>
                <a:spcPts val="0"/>
              </a:spcAft>
              <a:buNone/>
            </a:pPr>
            <a:fld id="{00000000-1234-1234-1234-123412341234}" type="slidenum">
              <a:rPr lang="es-CO"/>
              <a:t>‹#›</a:t>
            </a:fld>
            <a:endParaRPr/>
          </a:p>
        </p:txBody>
      </p:sp>
    </p:spTree>
    <p:extLst>
      <p:ext uri="{BB962C8B-B14F-4D97-AF65-F5344CB8AC3E}">
        <p14:creationId xmlns:p14="http://schemas.microsoft.com/office/powerpoint/2010/main" val="2958505423"/>
      </p:ext>
    </p:extLst>
  </p:cSld>
  <p:clrMap bg1="lt1" tx1="dk1" bg2="dk2" tx2="lt2" accent1="accent1" accent2="accent2" accent3="accent3" accent4="accent4" accent5="accent5" accent6="accent6" hlink="hlink" folHlink="folHlink"/>
  <p:sldLayoutIdLst>
    <p:sldLayoutId id="2147483750" r:id="rId1"/>
    <p:sldLayoutId id="2147483751" r:id="rId2"/>
    <p:sldLayoutId id="2147483752" r:id="rId3"/>
    <p:sldLayoutId id="2147483753" r:id="rId4"/>
    <p:sldLayoutId id="2147483754" r:id="rId5"/>
    <p:sldLayoutId id="2147483755" r:id="rId6"/>
    <p:sldLayoutId id="2147483756" r:id="rId7"/>
    <p:sldLayoutId id="2147483757" r:id="rId8"/>
    <p:sldLayoutId id="2147483758" r:id="rId9"/>
    <p:sldLayoutId id="2147483759" r:id="rId10"/>
  </p:sldLayoutIdLst>
  <p:hf sldNum="0" hdr="0" ftr="0" dt="0"/>
  <p:txStyles>
    <p:title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titleStyle>
    <p:body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bodyStyle>
    <p:otherStyle>
      <a:defPPr marR="0" lvl="0" algn="l" rtl="0">
        <a:lnSpc>
          <a:spcPct val="100000"/>
        </a:lnSpc>
        <a:spcBef>
          <a:spcPts val="0"/>
        </a:spcBef>
        <a:spcAft>
          <a:spcPts val="0"/>
        </a:spcAft>
      </a:defPPr>
      <a:lvl1pPr marR="0" lvl="0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1pPr>
      <a:lvl2pPr marR="0" lvl="1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2pPr>
      <a:lvl3pPr marR="0" lvl="2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3pPr>
      <a:lvl4pPr marR="0" lvl="3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4pPr>
      <a:lvl5pPr marR="0" lvl="4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5pPr>
      <a:lvl6pPr marR="0" lvl="5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6pPr>
      <a:lvl7pPr marR="0" lvl="6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7pPr>
      <a:lvl8pPr marR="0" lvl="7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8pPr>
      <a:lvl9pPr marR="0" lvl="8" algn="l" rtl="0">
        <a:lnSpc>
          <a:spcPct val="100000"/>
        </a:lnSpc>
        <a:spcBef>
          <a:spcPts val="0"/>
        </a:spcBef>
        <a:spcAft>
          <a:spcPts val="0"/>
        </a:spcAft>
        <a:buClr>
          <a:srgbClr val="000000"/>
        </a:buClr>
        <a:buFont typeface="Arial"/>
        <a:defRPr sz="1400" b="0" i="0" u="none" strike="noStrike" cap="none">
          <a:solidFill>
            <a:srgbClr val="000000"/>
          </a:solidFill>
          <a:latin typeface="Arial"/>
          <a:ea typeface="Arial"/>
          <a:cs typeface="Arial"/>
          <a:sym typeface="Arial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3.png"/><Relationship Id="rId4" Type="http://schemas.openxmlformats.org/officeDocument/2006/relationships/image" Target="../media/image3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4.png"/><Relationship Id="rId4" Type="http://schemas.openxmlformats.org/officeDocument/2006/relationships/image" Target="../media/image3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image" Target="../media/image45.png"/><Relationship Id="rId4" Type="http://schemas.openxmlformats.org/officeDocument/2006/relationships/image" Target="../media/image3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47.svg"/><Relationship Id="rId5" Type="http://schemas.openxmlformats.org/officeDocument/2006/relationships/image" Target="../media/image46.png"/><Relationship Id="rId4" Type="http://schemas.openxmlformats.org/officeDocument/2006/relationships/image" Target="../media/image3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5" Type="http://schemas.openxmlformats.org/officeDocument/2006/relationships/hyperlink" Target="https://www.supertransporte.gov.co/index.php/formulario-sisi-peccit" TargetMode="External"/><Relationship Id="rId4" Type="http://schemas.openxmlformats.org/officeDocument/2006/relationships/image" Target="../media/image3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8.emf"/><Relationship Id="rId5" Type="http://schemas.openxmlformats.org/officeDocument/2006/relationships/image" Target="../media/image11.png"/><Relationship Id="rId4" Type="http://schemas.openxmlformats.org/officeDocument/2006/relationships/image" Target="../media/image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emf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1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51.emf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0.emf"/><Relationship Id="rId5" Type="http://schemas.openxmlformats.org/officeDocument/2006/relationships/image" Target="../media/image11.png"/><Relationship Id="rId4" Type="http://schemas.openxmlformats.org/officeDocument/2006/relationships/image" Target="../media/image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8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54.emf"/><Relationship Id="rId5" Type="http://schemas.openxmlformats.org/officeDocument/2006/relationships/image" Target="../media/image53.png"/><Relationship Id="rId4" Type="http://schemas.openxmlformats.org/officeDocument/2006/relationships/image" Target="../media/image11.png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52.png"/><Relationship Id="rId13" Type="http://schemas.openxmlformats.org/officeDocument/2006/relationships/image" Target="../media/image57.svg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12" Type="http://schemas.openxmlformats.org/officeDocument/2006/relationships/image" Target="../media/image56.png"/><Relationship Id="rId2" Type="http://schemas.openxmlformats.org/officeDocument/2006/relationships/tags" Target="../tags/tag2.xml"/><Relationship Id="rId16" Type="http://schemas.openxmlformats.org/officeDocument/2006/relationships/image" Target="../media/image11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microsoft.com/office/2007/relationships/hdphoto" Target="../media/hdphoto1.wdp"/><Relationship Id="rId5" Type="http://schemas.openxmlformats.org/officeDocument/2006/relationships/tags" Target="../tags/tag5.xml"/><Relationship Id="rId15" Type="http://schemas.openxmlformats.org/officeDocument/2006/relationships/image" Target="../media/image59.svg"/><Relationship Id="rId10" Type="http://schemas.openxmlformats.org/officeDocument/2006/relationships/image" Target="../media/image55.png"/><Relationship Id="rId4" Type="http://schemas.openxmlformats.org/officeDocument/2006/relationships/tags" Target="../tags/tag4.xml"/><Relationship Id="rId9" Type="http://schemas.openxmlformats.org/officeDocument/2006/relationships/image" Target="../media/image23.png"/><Relationship Id="rId14" Type="http://schemas.openxmlformats.org/officeDocument/2006/relationships/image" Target="../media/image5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0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3.xml"/><Relationship Id="rId4" Type="http://schemas.microsoft.com/office/2007/relationships/hdphoto" Target="../media/hdphoto2.wdp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61.jpe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jpg"/><Relationship Id="rId7" Type="http://schemas.openxmlformats.org/officeDocument/2006/relationships/image" Target="../media/image10.emf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9.emf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sv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svg"/><Relationship Id="rId10" Type="http://schemas.openxmlformats.org/officeDocument/2006/relationships/image" Target="../media/image20.sv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image" Target="../media/image24.png"/><Relationship Id="rId7" Type="http://schemas.openxmlformats.org/officeDocument/2006/relationships/image" Target="../media/image28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27.svg"/><Relationship Id="rId5" Type="http://schemas.openxmlformats.org/officeDocument/2006/relationships/image" Target="../media/image26.png"/><Relationship Id="rId4" Type="http://schemas.openxmlformats.org/officeDocument/2006/relationships/image" Target="../media/image25.svg"/><Relationship Id="rId9" Type="http://schemas.openxmlformats.org/officeDocument/2006/relationships/image" Target="../media/image30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png"/><Relationship Id="rId3" Type="http://schemas.openxmlformats.org/officeDocument/2006/relationships/image" Target="../media/image31.png"/><Relationship Id="rId7" Type="http://schemas.openxmlformats.org/officeDocument/2006/relationships/image" Target="../media/image35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8.xml"/><Relationship Id="rId6" Type="http://schemas.openxmlformats.org/officeDocument/2006/relationships/image" Target="../media/image34.svg"/><Relationship Id="rId5" Type="http://schemas.openxmlformats.org/officeDocument/2006/relationships/image" Target="../media/image33.png"/><Relationship Id="rId10" Type="http://schemas.openxmlformats.org/officeDocument/2006/relationships/image" Target="../media/image30.png"/><Relationship Id="rId4" Type="http://schemas.openxmlformats.org/officeDocument/2006/relationships/image" Target="../media/image32.png"/><Relationship Id="rId9" Type="http://schemas.openxmlformats.org/officeDocument/2006/relationships/image" Target="../media/image2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13.png"/><Relationship Id="rId7" Type="http://schemas.openxmlformats.org/officeDocument/2006/relationships/image" Target="../media/image40.sv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24.png"/><Relationship Id="rId5" Type="http://schemas.openxmlformats.org/officeDocument/2006/relationships/image" Target="../media/image39.png"/><Relationship Id="rId4" Type="http://schemas.openxmlformats.org/officeDocument/2006/relationships/image" Target="../media/image38.png"/><Relationship Id="rId9" Type="http://schemas.openxmlformats.org/officeDocument/2006/relationships/image" Target="../media/image42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n">
            <a:extLst>
              <a:ext uri="{FF2B5EF4-FFF2-40B4-BE49-F238E27FC236}">
                <a16:creationId xmlns:a16="http://schemas.microsoft.com/office/drawing/2014/main" id="{D028C9BD-C93C-02BE-09F2-0897D87C0EF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1773" b="12467"/>
          <a:stretch/>
        </p:blipFill>
        <p:spPr bwMode="auto">
          <a:xfrm>
            <a:off x="1" y="-63501"/>
            <a:ext cx="12192000" cy="6921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Rectángulo 3">
            <a:extLst>
              <a:ext uri="{FF2B5EF4-FFF2-40B4-BE49-F238E27FC236}">
                <a16:creationId xmlns:a16="http://schemas.microsoft.com/office/drawing/2014/main" id="{C2D96128-6DBE-4DF2-C5F0-7B4EC1550CED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>
              <a:alpha val="34700"/>
            </a:schemeClr>
          </a:solidFill>
        </p:spPr>
        <p:style>
          <a:lnRef idx="2">
            <a:schemeClr val="dk1">
              <a:shade val="15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7E2E2D49-81C3-0992-2344-3C8898A1ED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1000" y="903224"/>
            <a:ext cx="6350000" cy="4521200"/>
          </a:xfrm>
          <a:prstGeom prst="rect">
            <a:avLst/>
          </a:prstGeom>
        </p:spPr>
      </p:pic>
      <p:sp>
        <p:nvSpPr>
          <p:cNvPr id="3" name="CuadroTexto 2">
            <a:extLst>
              <a:ext uri="{FF2B5EF4-FFF2-40B4-BE49-F238E27FC236}">
                <a16:creationId xmlns:a16="http://schemas.microsoft.com/office/drawing/2014/main" id="{D66E2843-5EDA-B2BB-1A2A-C10DED210B25}"/>
              </a:ext>
            </a:extLst>
          </p:cNvPr>
          <p:cNvSpPr txBox="1"/>
          <p:nvPr/>
        </p:nvSpPr>
        <p:spPr>
          <a:xfrm>
            <a:off x="2921000" y="5031446"/>
            <a:ext cx="6100762" cy="9233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s-419" sz="1800" b="1" i="0" u="none" strike="noStrike">
                <a:solidFill>
                  <a:schemeClr val="bg1"/>
                </a:solidFill>
                <a:effectLst/>
                <a:latin typeface="Nunito" pitchFamily="2" charset="77"/>
              </a:rPr>
              <a:t>ALINEACIÓN  ESTRATÉGICA </a:t>
            </a:r>
            <a:r>
              <a:rPr lang="en-US" sz="1800" b="0" i="0">
                <a:solidFill>
                  <a:schemeClr val="bg1"/>
                </a:solidFill>
                <a:effectLst/>
                <a:latin typeface="Nunito" pitchFamily="2" charset="77"/>
              </a:rPr>
              <a:t>​</a:t>
            </a:r>
            <a:r>
              <a:rPr lang="es-CO" sz="1800" b="1" i="0" u="none" strike="noStrike">
                <a:solidFill>
                  <a:schemeClr val="bg1"/>
                </a:solidFill>
                <a:effectLst/>
                <a:latin typeface="Nunito" pitchFamily="2" charset="77"/>
              </a:rPr>
              <a:t>TRANSFORMACIÓN DEL PROCESO DE INSPECCIÓN VIGILANCIA Y CONTROL DEL  SECTOR TRANSPORTE </a:t>
            </a:r>
            <a:endParaRPr lang="es-CO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28836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73297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>
                <a:latin typeface="Nunito" pitchFamily="2" charset="77"/>
              </a:endParaRPr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lang="es-ES_tradnl" sz="1200">
                <a:latin typeface="Nunito" pitchFamily="2" charset="77"/>
              </a:endParaRPr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77"/>
            </a:endParaRPr>
          </a:p>
        </p:txBody>
      </p:sp>
      <p:sp>
        <p:nvSpPr>
          <p:cNvPr id="8" name="TextBox 8"/>
          <p:cNvSpPr txBox="1"/>
          <p:nvPr/>
        </p:nvSpPr>
        <p:spPr>
          <a:xfrm>
            <a:off x="3719450" y="5072657"/>
            <a:ext cx="251321" cy="64056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s-ES_tradnl" sz="4400">
                <a:solidFill>
                  <a:srgbClr val="FFFFFF"/>
                </a:solidFill>
                <a:latin typeface="Nunito" pitchFamily="2" charset="77"/>
              </a:rPr>
              <a:t>3</a:t>
            </a:r>
          </a:p>
        </p:txBody>
      </p:sp>
      <p:sp>
        <p:nvSpPr>
          <p:cNvPr id="9" name="TextBox 9"/>
          <p:cNvSpPr txBox="1"/>
          <p:nvPr/>
        </p:nvSpPr>
        <p:spPr>
          <a:xfrm>
            <a:off x="1929656" y="3321395"/>
            <a:ext cx="251321" cy="64056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s-ES_tradnl" sz="4400">
                <a:solidFill>
                  <a:srgbClr val="FFFFFF"/>
                </a:solidFill>
                <a:latin typeface="Nunito" pitchFamily="2" charset="77"/>
              </a:rPr>
              <a:t>5</a:t>
            </a:r>
          </a:p>
        </p:txBody>
      </p:sp>
      <p:grpSp>
        <p:nvGrpSpPr>
          <p:cNvPr id="10" name="Group 10"/>
          <p:cNvGrpSpPr/>
          <p:nvPr/>
        </p:nvGrpSpPr>
        <p:grpSpPr>
          <a:xfrm>
            <a:off x="719474" y="1538279"/>
            <a:ext cx="1461503" cy="489969"/>
            <a:chOff x="0" y="0"/>
            <a:chExt cx="577384" cy="193568"/>
          </a:xfrm>
        </p:grpSpPr>
        <p:sp>
          <p:nvSpPr>
            <p:cNvPr id="11" name="Freeform 11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2" name="TextBox 12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Pasajeros por </a:t>
              </a:r>
            </a:p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Carretera (PC)</a:t>
              </a:r>
            </a:p>
          </p:txBody>
        </p:sp>
      </p:grpSp>
      <p:grpSp>
        <p:nvGrpSpPr>
          <p:cNvPr id="13" name="Group 13"/>
          <p:cNvGrpSpPr/>
          <p:nvPr/>
        </p:nvGrpSpPr>
        <p:grpSpPr>
          <a:xfrm>
            <a:off x="719474" y="2461587"/>
            <a:ext cx="1461503" cy="489969"/>
            <a:chOff x="0" y="0"/>
            <a:chExt cx="577384" cy="193568"/>
          </a:xfrm>
        </p:grpSpPr>
        <p:sp>
          <p:nvSpPr>
            <p:cNvPr id="14" name="Freeform 14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5" name="TextBox 15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Mixto (MX)</a:t>
              </a:r>
            </a:p>
          </p:txBody>
        </p:sp>
      </p:grpSp>
      <p:grpSp>
        <p:nvGrpSpPr>
          <p:cNvPr id="16" name="Group 16"/>
          <p:cNvGrpSpPr/>
          <p:nvPr/>
        </p:nvGrpSpPr>
        <p:grpSpPr>
          <a:xfrm>
            <a:off x="719474" y="3384895"/>
            <a:ext cx="1461503" cy="489969"/>
            <a:chOff x="0" y="0"/>
            <a:chExt cx="577384" cy="193568"/>
          </a:xfrm>
        </p:grpSpPr>
        <p:sp>
          <p:nvSpPr>
            <p:cNvPr id="17" name="Freeform 17"/>
            <p:cNvSpPr/>
            <p:nvPr/>
          </p:nvSpPr>
          <p:spPr>
            <a:xfrm>
              <a:off x="0" y="0"/>
              <a:ext cx="577384" cy="193568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18" name="TextBox 18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Especial (ES)</a:t>
              </a:r>
            </a:p>
          </p:txBody>
        </p:sp>
      </p:grpSp>
      <p:grpSp>
        <p:nvGrpSpPr>
          <p:cNvPr id="19" name="Group 19"/>
          <p:cNvGrpSpPr/>
          <p:nvPr/>
        </p:nvGrpSpPr>
        <p:grpSpPr>
          <a:xfrm>
            <a:off x="7208133" y="1258556"/>
            <a:ext cx="4752898" cy="2769227"/>
            <a:chOff x="0" y="-240385"/>
            <a:chExt cx="1467102" cy="1094015"/>
          </a:xfrm>
        </p:grpSpPr>
        <p:sp>
          <p:nvSpPr>
            <p:cNvPr id="20" name="Freeform 20"/>
            <p:cNvSpPr/>
            <p:nvPr/>
          </p:nvSpPr>
          <p:spPr>
            <a:xfrm>
              <a:off x="0" y="-240385"/>
              <a:ext cx="1467102" cy="1094015"/>
            </a:xfrm>
            <a:custGeom>
              <a:avLst/>
              <a:gdLst/>
              <a:ahLst/>
              <a:cxnLst/>
              <a:rect l="l" t="t" r="r" b="b"/>
              <a:pathLst>
                <a:path w="1467102" h="695678">
                  <a:moveTo>
                    <a:pt x="0" y="0"/>
                  </a:moveTo>
                  <a:lnTo>
                    <a:pt x="1467102" y="0"/>
                  </a:lnTo>
                  <a:lnTo>
                    <a:pt x="1467102" y="695678"/>
                  </a:lnTo>
                  <a:lnTo>
                    <a:pt x="0" y="69567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1" name="TextBox 21"/>
            <p:cNvSpPr txBox="1"/>
            <p:nvPr/>
          </p:nvSpPr>
          <p:spPr>
            <a:xfrm>
              <a:off x="0" y="-90882"/>
              <a:ext cx="1467102" cy="795889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- RCC: a) muerte; b) incapacidad permanente: c) incapacidad temporal; y d) gastos médicos, quirúrgicos, farmacéuticos y hospitalarios.</a:t>
              </a:r>
            </a:p>
            <a:p>
              <a:pPr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  <a:p>
              <a:pPr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- RCE: a) muerte o lesiones a una persona; b) daños a bienes de terceros; y c) muerte o lesiones a dos o más personas.</a:t>
              </a:r>
            </a:p>
            <a:p>
              <a:pPr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22" name="Group 22"/>
          <p:cNvGrpSpPr/>
          <p:nvPr/>
        </p:nvGrpSpPr>
        <p:grpSpPr>
          <a:xfrm>
            <a:off x="481069" y="4411264"/>
            <a:ext cx="11025131" cy="903160"/>
            <a:chOff x="0" y="0"/>
            <a:chExt cx="4355607" cy="356804"/>
          </a:xfrm>
        </p:grpSpPr>
        <p:sp>
          <p:nvSpPr>
            <p:cNvPr id="23" name="Freeform 23"/>
            <p:cNvSpPr/>
            <p:nvPr/>
          </p:nvSpPr>
          <p:spPr>
            <a:xfrm>
              <a:off x="0" y="0"/>
              <a:ext cx="4355607" cy="286377"/>
            </a:xfrm>
            <a:custGeom>
              <a:avLst/>
              <a:gdLst/>
              <a:ahLst/>
              <a:cxnLst/>
              <a:rect l="l" t="t" r="r" b="b"/>
              <a:pathLst>
                <a:path w="4355607" h="286377">
                  <a:moveTo>
                    <a:pt x="0" y="0"/>
                  </a:moveTo>
                  <a:lnTo>
                    <a:pt x="4355607" y="0"/>
                  </a:lnTo>
                  <a:lnTo>
                    <a:pt x="4355607" y="286377"/>
                  </a:lnTo>
                  <a:lnTo>
                    <a:pt x="0" y="2863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4" name="TextBox 24"/>
            <p:cNvSpPr txBox="1"/>
            <p:nvPr/>
          </p:nvSpPr>
          <p:spPr>
            <a:xfrm>
              <a:off x="0" y="41852"/>
              <a:ext cx="4355607" cy="314952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Conforme la Legislación colombiana todo vehículo que preste servicio de transporte público a pasajeros, a través de la empresa donde tiene afiliado el automotor, deberá suscribir las pólizas obligatorias que amparen los riesgos inherentes al desarrollo de su actividad</a:t>
              </a:r>
            </a:p>
            <a:p>
              <a:pPr algn="ctr"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25" name="Group 25"/>
          <p:cNvGrpSpPr/>
          <p:nvPr/>
        </p:nvGrpSpPr>
        <p:grpSpPr>
          <a:xfrm>
            <a:off x="245455" y="5597648"/>
            <a:ext cx="2035521" cy="642353"/>
            <a:chOff x="0" y="-41877"/>
            <a:chExt cx="606200" cy="253769"/>
          </a:xfrm>
        </p:grpSpPr>
        <p:sp>
          <p:nvSpPr>
            <p:cNvPr id="26" name="Freeform 26"/>
            <p:cNvSpPr/>
            <p:nvPr/>
          </p:nvSpPr>
          <p:spPr>
            <a:xfrm>
              <a:off x="0" y="-41877"/>
              <a:ext cx="606200" cy="253769"/>
            </a:xfrm>
            <a:custGeom>
              <a:avLst/>
              <a:gdLst/>
              <a:ahLst/>
              <a:cxnLst/>
              <a:rect l="l" t="t" r="r" b="b"/>
              <a:pathLst>
                <a:path w="577384" h="193568">
                  <a:moveTo>
                    <a:pt x="0" y="0"/>
                  </a:moveTo>
                  <a:lnTo>
                    <a:pt x="577384" y="0"/>
                  </a:lnTo>
                  <a:lnTo>
                    <a:pt x="577384" y="193568"/>
                  </a:lnTo>
                  <a:lnTo>
                    <a:pt x="0" y="193568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27" name="TextBox 27"/>
            <p:cNvSpPr txBox="1"/>
            <p:nvPr/>
          </p:nvSpPr>
          <p:spPr>
            <a:xfrm>
              <a:off x="0" y="-28575"/>
              <a:ext cx="577384" cy="22214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3C6CB2"/>
                  </a:solidFill>
                  <a:latin typeface="Nunito" pitchFamily="2" charset="77"/>
                </a:rPr>
                <a:t>Fondo de responsabilidad </a:t>
              </a:r>
            </a:p>
          </p:txBody>
        </p:sp>
      </p:grpSp>
      <p:grpSp>
        <p:nvGrpSpPr>
          <p:cNvPr id="28" name="Group 28"/>
          <p:cNvGrpSpPr/>
          <p:nvPr/>
        </p:nvGrpSpPr>
        <p:grpSpPr>
          <a:xfrm>
            <a:off x="2539035" y="5631236"/>
            <a:ext cx="8967165" cy="838543"/>
            <a:chOff x="-1" y="72663"/>
            <a:chExt cx="3542583" cy="331276"/>
          </a:xfrm>
        </p:grpSpPr>
        <p:sp>
          <p:nvSpPr>
            <p:cNvPr id="29" name="Freeform 29"/>
            <p:cNvSpPr/>
            <p:nvPr/>
          </p:nvSpPr>
          <p:spPr>
            <a:xfrm>
              <a:off x="-1" y="72663"/>
              <a:ext cx="3542583" cy="286377"/>
            </a:xfrm>
            <a:custGeom>
              <a:avLst/>
              <a:gdLst/>
              <a:ahLst/>
              <a:cxnLst/>
              <a:rect l="l" t="t" r="r" b="b"/>
              <a:pathLst>
                <a:path w="3542583" h="286377">
                  <a:moveTo>
                    <a:pt x="0" y="0"/>
                  </a:moveTo>
                  <a:lnTo>
                    <a:pt x="3542583" y="0"/>
                  </a:lnTo>
                  <a:lnTo>
                    <a:pt x="3542583" y="286377"/>
                  </a:lnTo>
                  <a:lnTo>
                    <a:pt x="0" y="2863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olid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0" name="TextBox 30"/>
            <p:cNvSpPr txBox="1"/>
            <p:nvPr/>
          </p:nvSpPr>
          <p:spPr>
            <a:xfrm>
              <a:off x="0" y="88987"/>
              <a:ext cx="3542582" cy="314952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Las empresas podrán constituir fondos de responsabilidad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complementarios</a:t>
              </a: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 para cubrir los riesgos derivados de la prestación del servicio, los cuales en ningún momento suplen a las pólizas de RCC-RCE</a:t>
              </a:r>
            </a:p>
            <a:p>
              <a:pPr algn="ctr">
                <a:lnSpc>
                  <a:spcPts val="1493"/>
                </a:lnSpc>
              </a:pPr>
              <a:endParaRPr lang="es-ES_tradnl" sz="1400" spc="79">
                <a:solidFill>
                  <a:srgbClr val="000000"/>
                </a:solidFill>
                <a:latin typeface="Nunito" pitchFamily="2" charset="77"/>
              </a:endParaRPr>
            </a:p>
          </p:txBody>
        </p:sp>
      </p:grpSp>
      <p:grpSp>
        <p:nvGrpSpPr>
          <p:cNvPr id="31" name="Group 31"/>
          <p:cNvGrpSpPr/>
          <p:nvPr/>
        </p:nvGrpSpPr>
        <p:grpSpPr>
          <a:xfrm>
            <a:off x="2658556" y="1330886"/>
            <a:ext cx="3213434" cy="768947"/>
            <a:chOff x="0" y="0"/>
            <a:chExt cx="838237" cy="303782"/>
          </a:xfrm>
        </p:grpSpPr>
        <p:sp>
          <p:nvSpPr>
            <p:cNvPr id="32" name="Freeform 32"/>
            <p:cNvSpPr/>
            <p:nvPr/>
          </p:nvSpPr>
          <p:spPr>
            <a:xfrm>
              <a:off x="0" y="0"/>
              <a:ext cx="838237" cy="303782"/>
            </a:xfrm>
            <a:custGeom>
              <a:avLst/>
              <a:gdLst/>
              <a:ahLst/>
              <a:cxnLst/>
              <a:rect l="l" t="t" r="r" b="b"/>
              <a:pathLst>
                <a:path w="838237" h="303782">
                  <a:moveTo>
                    <a:pt x="0" y="0"/>
                  </a:moveTo>
                  <a:lnTo>
                    <a:pt x="838237" y="0"/>
                  </a:lnTo>
                  <a:lnTo>
                    <a:pt x="838237" y="303782"/>
                  </a:lnTo>
                  <a:lnTo>
                    <a:pt x="0" y="30378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3" name="TextBox 33"/>
            <p:cNvSpPr txBox="1"/>
            <p:nvPr/>
          </p:nvSpPr>
          <p:spPr>
            <a:xfrm>
              <a:off x="0" y="-28575"/>
              <a:ext cx="838237" cy="33235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4.4.1. del Decreto 1079 de 2015 –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60 SMMLV por persona</a:t>
              </a:r>
            </a:p>
          </p:txBody>
        </p:sp>
      </p:grpSp>
      <p:grpSp>
        <p:nvGrpSpPr>
          <p:cNvPr id="34" name="Group 34"/>
          <p:cNvGrpSpPr/>
          <p:nvPr/>
        </p:nvGrpSpPr>
        <p:grpSpPr>
          <a:xfrm>
            <a:off x="2658556" y="2328895"/>
            <a:ext cx="3213434" cy="684487"/>
            <a:chOff x="0" y="0"/>
            <a:chExt cx="838237" cy="334052"/>
          </a:xfrm>
        </p:grpSpPr>
        <p:sp>
          <p:nvSpPr>
            <p:cNvPr id="35" name="Freeform 35"/>
            <p:cNvSpPr/>
            <p:nvPr/>
          </p:nvSpPr>
          <p:spPr>
            <a:xfrm>
              <a:off x="0" y="0"/>
              <a:ext cx="838237" cy="334052"/>
            </a:xfrm>
            <a:custGeom>
              <a:avLst/>
              <a:gdLst/>
              <a:ahLst/>
              <a:cxnLst/>
              <a:rect l="l" t="t" r="r" b="b"/>
              <a:pathLst>
                <a:path w="838237" h="334052">
                  <a:moveTo>
                    <a:pt x="0" y="0"/>
                  </a:moveTo>
                  <a:lnTo>
                    <a:pt x="838237" y="0"/>
                  </a:lnTo>
                  <a:lnTo>
                    <a:pt x="838237" y="334052"/>
                  </a:lnTo>
                  <a:lnTo>
                    <a:pt x="0" y="33405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6" name="TextBox 36"/>
            <p:cNvSpPr txBox="1"/>
            <p:nvPr/>
          </p:nvSpPr>
          <p:spPr>
            <a:xfrm>
              <a:off x="0" y="-28575"/>
              <a:ext cx="838237" cy="3626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5.4.1. del Decreto 1079 de 2015 –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 60 SMMLV por persona</a:t>
              </a:r>
            </a:p>
          </p:txBody>
        </p:sp>
      </p:grpSp>
      <p:grpSp>
        <p:nvGrpSpPr>
          <p:cNvPr id="37" name="Group 37"/>
          <p:cNvGrpSpPr/>
          <p:nvPr/>
        </p:nvGrpSpPr>
        <p:grpSpPr>
          <a:xfrm>
            <a:off x="2658556" y="3320223"/>
            <a:ext cx="3213434" cy="845569"/>
            <a:chOff x="0" y="0"/>
            <a:chExt cx="838237" cy="334052"/>
          </a:xfrm>
        </p:grpSpPr>
        <p:sp>
          <p:nvSpPr>
            <p:cNvPr id="38" name="Freeform 38"/>
            <p:cNvSpPr/>
            <p:nvPr/>
          </p:nvSpPr>
          <p:spPr>
            <a:xfrm>
              <a:off x="0" y="0"/>
              <a:ext cx="838237" cy="334052"/>
            </a:xfrm>
            <a:custGeom>
              <a:avLst/>
              <a:gdLst/>
              <a:ahLst/>
              <a:cxnLst/>
              <a:rect l="l" t="t" r="r" b="b"/>
              <a:pathLst>
                <a:path w="838237" h="334052">
                  <a:moveTo>
                    <a:pt x="0" y="0"/>
                  </a:moveTo>
                  <a:lnTo>
                    <a:pt x="838237" y="0"/>
                  </a:lnTo>
                  <a:lnTo>
                    <a:pt x="838237" y="334052"/>
                  </a:lnTo>
                  <a:lnTo>
                    <a:pt x="0" y="334052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38100" cap="sq">
              <a:solidFill>
                <a:srgbClr val="48808A"/>
              </a:solidFill>
              <a:prstDash val="sysDot"/>
              <a:miter/>
            </a:ln>
          </p:spPr>
          <p:txBody>
            <a:bodyPr/>
            <a:lstStyle/>
            <a:p>
              <a:endParaRPr lang="es-ES_tradnl">
                <a:latin typeface="Nunito" pitchFamily="2" charset="77"/>
              </a:endParaRPr>
            </a:p>
          </p:txBody>
        </p:sp>
        <p:sp>
          <p:nvSpPr>
            <p:cNvPr id="39" name="TextBox 39"/>
            <p:cNvSpPr txBox="1"/>
            <p:nvPr/>
          </p:nvSpPr>
          <p:spPr>
            <a:xfrm>
              <a:off x="0" y="-28575"/>
              <a:ext cx="838237" cy="3626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1493"/>
                </a:lnSpc>
              </a:pPr>
              <a:r>
                <a:rPr lang="es-ES_tradnl" sz="1400" spc="79">
                  <a:solidFill>
                    <a:srgbClr val="000000"/>
                  </a:solidFill>
                  <a:latin typeface="Nunito" pitchFamily="2" charset="77"/>
                </a:rPr>
                <a:t>Artículo 2.2.1.6.5.1. del Decreto 1079 de 2015 – </a:t>
              </a:r>
              <a:r>
                <a:rPr lang="es-ES_tradnl" sz="1400" spc="79">
                  <a:solidFill>
                    <a:srgbClr val="FF3131"/>
                  </a:solidFill>
                  <a:latin typeface="Nunito" pitchFamily="2" charset="77"/>
                </a:rPr>
                <a:t>100 SMMLV por persona</a:t>
              </a:r>
            </a:p>
          </p:txBody>
        </p:sp>
      </p:grpSp>
      <p:sp>
        <p:nvSpPr>
          <p:cNvPr id="40" name="Freeform 40"/>
          <p:cNvSpPr/>
          <p:nvPr/>
        </p:nvSpPr>
        <p:spPr>
          <a:xfrm>
            <a:off x="6448506" y="1366039"/>
            <a:ext cx="424133" cy="2762920"/>
          </a:xfrm>
          <a:custGeom>
            <a:avLst/>
            <a:gdLst/>
            <a:ahLst/>
            <a:cxnLst/>
            <a:rect l="l" t="t" r="r" b="b"/>
            <a:pathLst>
              <a:path w="636199" h="4144380">
                <a:moveTo>
                  <a:pt x="0" y="0"/>
                </a:moveTo>
                <a:lnTo>
                  <a:pt x="636199" y="0"/>
                </a:lnTo>
                <a:lnTo>
                  <a:pt x="636199" y="4144380"/>
                </a:lnTo>
                <a:lnTo>
                  <a:pt x="0" y="4144380"/>
                </a:lnTo>
                <a:lnTo>
                  <a:pt x="0" y="0"/>
                </a:lnTo>
                <a:close/>
              </a:path>
            </a:pathLst>
          </a:custGeom>
          <a:blipFill>
            <a:blip r:embed="rId5"/>
            <a:stretch>
              <a:fillRect/>
            </a:stretch>
          </a:blipFill>
        </p:spPr>
        <p:txBody>
          <a:bodyPr/>
          <a:lstStyle/>
          <a:p>
            <a:endParaRPr lang="es-ES_tradnl">
              <a:latin typeface="Nunito" pitchFamily="2" charset="77"/>
            </a:endParaRPr>
          </a:p>
        </p:txBody>
      </p:sp>
      <p:sp>
        <p:nvSpPr>
          <p:cNvPr id="41" name="TextBox 41"/>
          <p:cNvSpPr txBox="1"/>
          <p:nvPr/>
        </p:nvSpPr>
        <p:spPr>
          <a:xfrm>
            <a:off x="4952225" y="6579019"/>
            <a:ext cx="2397621" cy="24622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s-ES_tradnl" sz="1400">
                <a:solidFill>
                  <a:srgbClr val="F8F7F7"/>
                </a:solidFill>
                <a:latin typeface="Nunito" pitchFamily="2" charset="77"/>
              </a:rPr>
              <a:t>www.supertransporte.gov.co</a:t>
            </a:r>
          </a:p>
        </p:txBody>
      </p:sp>
      <p:sp>
        <p:nvSpPr>
          <p:cNvPr id="43" name="TextBox 19">
            <a:extLst>
              <a:ext uri="{FF2B5EF4-FFF2-40B4-BE49-F238E27FC236}">
                <a16:creationId xmlns:a16="http://schemas.microsoft.com/office/drawing/2014/main" id="{F6A2318C-5767-8AD1-AEF9-E8385CD9682B}"/>
              </a:ext>
            </a:extLst>
          </p:cNvPr>
          <p:cNvSpPr txBox="1"/>
          <p:nvPr/>
        </p:nvSpPr>
        <p:spPr>
          <a:xfrm>
            <a:off x="2180977" y="222744"/>
            <a:ext cx="6600061" cy="50206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s-ES_tradnl" sz="2800" b="1">
                <a:solidFill>
                  <a:srgbClr val="000000"/>
                </a:solidFill>
                <a:latin typeface="Nunito" pitchFamily="2" charset="77"/>
              </a:rPr>
              <a:t>CONTEXTO NORMATIVO - POLIZAS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-410946" y="6562929"/>
            <a:ext cx="12918261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862495" y="38077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8" name="Freeform 8"/>
          <p:cNvSpPr/>
          <p:nvPr/>
        </p:nvSpPr>
        <p:spPr>
          <a:xfrm>
            <a:off x="365760" y="1196721"/>
            <a:ext cx="11460479" cy="5050022"/>
          </a:xfrm>
          <a:custGeom>
            <a:avLst/>
            <a:gdLst/>
            <a:ahLst/>
            <a:cxnLst/>
            <a:rect l="l" t="t" r="r" b="b"/>
            <a:pathLst>
              <a:path w="14181854" h="6492630">
                <a:moveTo>
                  <a:pt x="0" y="0"/>
                </a:moveTo>
                <a:lnTo>
                  <a:pt x="14181854" y="0"/>
                </a:lnTo>
                <a:lnTo>
                  <a:pt x="14181854" y="6492630"/>
                </a:lnTo>
                <a:lnTo>
                  <a:pt x="0" y="6492630"/>
                </a:lnTo>
                <a:lnTo>
                  <a:pt x="0" y="0"/>
                </a:lnTo>
                <a:close/>
              </a:path>
            </a:pathLst>
          </a:custGeom>
          <a:blipFill>
            <a:blip r:embed="rId5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9" name="TextBox 9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11" name="TextBox 11"/>
          <p:cNvSpPr txBox="1"/>
          <p:nvPr/>
        </p:nvSpPr>
        <p:spPr>
          <a:xfrm>
            <a:off x="3719450" y="5072657"/>
            <a:ext cx="251321" cy="588623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n-US" sz="3466">
                <a:solidFill>
                  <a:srgbClr val="FFFFFF"/>
                </a:solidFill>
                <a:latin typeface="Open Sans Bold"/>
              </a:rPr>
              <a:t>3</a:t>
            </a:r>
          </a:p>
        </p:txBody>
      </p:sp>
      <p:sp>
        <p:nvSpPr>
          <p:cNvPr id="13" name="TextBox 19">
            <a:extLst>
              <a:ext uri="{FF2B5EF4-FFF2-40B4-BE49-F238E27FC236}">
                <a16:creationId xmlns:a16="http://schemas.microsoft.com/office/drawing/2014/main" id="{6C3CDDFF-D382-63DE-2578-966E3874D493}"/>
              </a:ext>
            </a:extLst>
          </p:cNvPr>
          <p:cNvSpPr txBox="1"/>
          <p:nvPr/>
        </p:nvSpPr>
        <p:spPr>
          <a:xfrm>
            <a:off x="2180977" y="222744"/>
            <a:ext cx="6600061" cy="489108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n-US" sz="2800" b="1">
                <a:solidFill>
                  <a:srgbClr val="000000"/>
                </a:solidFill>
                <a:latin typeface="Raleway Bold"/>
              </a:rPr>
              <a:t>RESULTADO VALIDACION PÓLIZAS - 2023</a:t>
            </a:r>
          </a:p>
        </p:txBody>
      </p:sp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50843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862495" y="38077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9" name="TextBox 9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 err="1">
                <a:solidFill>
                  <a:srgbClr val="F8F7F7"/>
                </a:solidFill>
                <a:latin typeface="Open Sans"/>
              </a:rPr>
              <a:t>www.supertransporte.gov.co</a:t>
            </a:r>
            <a:endParaRPr lang="en-US" sz="1400">
              <a:solidFill>
                <a:srgbClr val="F8F7F7"/>
              </a:solidFill>
              <a:latin typeface="Open Sans"/>
            </a:endParaRPr>
          </a:p>
        </p:txBody>
      </p:sp>
      <p:sp>
        <p:nvSpPr>
          <p:cNvPr id="11" name="TextBox 11"/>
          <p:cNvSpPr txBox="1"/>
          <p:nvPr/>
        </p:nvSpPr>
        <p:spPr>
          <a:xfrm>
            <a:off x="3719450" y="5072657"/>
            <a:ext cx="251321" cy="588623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853"/>
              </a:lnSpc>
            </a:pPr>
            <a:r>
              <a:rPr lang="en-US" sz="3466">
                <a:solidFill>
                  <a:srgbClr val="FFFFFF"/>
                </a:solidFill>
                <a:latin typeface="Open Sans Bold"/>
              </a:rPr>
              <a:t>3</a:t>
            </a:r>
          </a:p>
        </p:txBody>
      </p:sp>
      <p:sp>
        <p:nvSpPr>
          <p:cNvPr id="13" name="TextBox 19">
            <a:extLst>
              <a:ext uri="{FF2B5EF4-FFF2-40B4-BE49-F238E27FC236}">
                <a16:creationId xmlns:a16="http://schemas.microsoft.com/office/drawing/2014/main" id="{6C3CDDFF-D382-63DE-2578-966E3874D493}"/>
              </a:ext>
            </a:extLst>
          </p:cNvPr>
          <p:cNvSpPr txBox="1"/>
          <p:nvPr/>
        </p:nvSpPr>
        <p:spPr>
          <a:xfrm>
            <a:off x="2427152" y="96479"/>
            <a:ext cx="6600061" cy="48558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>
              <a:lnSpc>
                <a:spcPts val="4130"/>
              </a:lnSpc>
            </a:pPr>
            <a:r>
              <a:rPr lang="es-ES_tradnl" sz="2800" b="1">
                <a:solidFill>
                  <a:srgbClr val="000000"/>
                </a:solidFill>
                <a:latin typeface="Raleway Bold"/>
              </a:rPr>
              <a:t>Departamento del Magdalena </a:t>
            </a:r>
            <a:r>
              <a:rPr lang="en-US" sz="2800" b="1">
                <a:solidFill>
                  <a:srgbClr val="000000"/>
                </a:solidFill>
                <a:latin typeface="Raleway Bold"/>
              </a:rPr>
              <a:t>-  2023</a:t>
            </a:r>
          </a:p>
        </p:txBody>
      </p:sp>
      <p:graphicFrame>
        <p:nvGraphicFramePr>
          <p:cNvPr id="12" name="Tabla 11">
            <a:extLst>
              <a:ext uri="{FF2B5EF4-FFF2-40B4-BE49-F238E27FC236}">
                <a16:creationId xmlns:a16="http://schemas.microsoft.com/office/drawing/2014/main" id="{40E70DE2-7DCB-E261-95B9-CCAD29A812C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32278306"/>
              </p:ext>
            </p:extLst>
          </p:nvPr>
        </p:nvGraphicFramePr>
        <p:xfrm>
          <a:off x="53229" y="1048938"/>
          <a:ext cx="4644276" cy="5343156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1538583">
                  <a:extLst>
                    <a:ext uri="{9D8B030D-6E8A-4147-A177-3AD203B41FA5}">
                      <a16:colId xmlns:a16="http://schemas.microsoft.com/office/drawing/2014/main" val="2205775007"/>
                    </a:ext>
                  </a:extLst>
                </a:gridCol>
                <a:gridCol w="746316">
                  <a:extLst>
                    <a:ext uri="{9D8B030D-6E8A-4147-A177-3AD203B41FA5}">
                      <a16:colId xmlns:a16="http://schemas.microsoft.com/office/drawing/2014/main" val="3385204127"/>
                    </a:ext>
                  </a:extLst>
                </a:gridCol>
                <a:gridCol w="848934">
                  <a:extLst>
                    <a:ext uri="{9D8B030D-6E8A-4147-A177-3AD203B41FA5}">
                      <a16:colId xmlns:a16="http://schemas.microsoft.com/office/drawing/2014/main" val="3115946008"/>
                    </a:ext>
                  </a:extLst>
                </a:gridCol>
                <a:gridCol w="1510443">
                  <a:extLst>
                    <a:ext uri="{9D8B030D-6E8A-4147-A177-3AD203B41FA5}">
                      <a16:colId xmlns:a16="http://schemas.microsoft.com/office/drawing/2014/main" val="1901589744"/>
                    </a:ext>
                  </a:extLst>
                </a:gridCol>
              </a:tblGrid>
              <a:tr h="314876"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Departamento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No Reportaron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SI  </a:t>
                      </a:r>
                    </a:p>
                    <a:p>
                      <a:pPr algn="ctr" fontAlgn="ctr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"/>
                        </a:rPr>
                        <a:t> Reportaron 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1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% cumpliemto entrega  de informació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7290850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TOLIM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/>
                        </a:rPr>
                        <a:t>82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21201523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NARIÑ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9CCF7F"/>
                          </a:highlight>
                          <a:latin typeface="Aptos Narrow"/>
                        </a:rPr>
                        <a:t>74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CCF7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3168265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LDA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B5D680"/>
                          </a:highlight>
                          <a:latin typeface="Aptos Narrow"/>
                        </a:rPr>
                        <a:t>7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5D6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14533593"/>
                  </a:ext>
                </a:extLst>
              </a:tr>
              <a:tr h="14043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NORTE DE SANTAND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B8D780"/>
                          </a:highlight>
                          <a:latin typeface="Aptos Narrow"/>
                        </a:rPr>
                        <a:t>7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8D7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9625340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QUINDI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9DC81"/>
                          </a:highlight>
                          <a:latin typeface="Aptos Narrow"/>
                        </a:rPr>
                        <a:t>6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9DC8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65489459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QUE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FDE82"/>
                          </a:highlight>
                          <a:latin typeface="Aptos Narrow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7316081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RISARALD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FDE82"/>
                          </a:highlight>
                          <a:latin typeface="Aptos Narrow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F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59549558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VALLE DEL C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2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D1DE82"/>
                          </a:highlight>
                          <a:latin typeface="Aptos Narrow"/>
                        </a:rPr>
                        <a:t>66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1DE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737655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NTIOQUI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4E483"/>
                          </a:highlight>
                          <a:latin typeface="Aptos Narrow"/>
                        </a:rPr>
                        <a:t>64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4E4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1886513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UNDINAMAR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0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6E4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6E4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249277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HUIL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9E5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5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76716888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GOTA,D.C.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7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9E5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9E5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5588891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YA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7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BE683"/>
                          </a:highlight>
                          <a:latin typeface="Aptos Narrow"/>
                        </a:rPr>
                        <a:t>6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BE6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880366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ORDOB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0E784"/>
                          </a:highlight>
                          <a:latin typeface="Aptos Narrow"/>
                        </a:rPr>
                        <a:t>62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E7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8032740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7E984"/>
                          </a:highlight>
                          <a:latin typeface="Aptos Narrow"/>
                        </a:rPr>
                        <a:t>6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7E9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69640076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MAGDALEN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6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9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FFFFFF"/>
                          </a:solidFill>
                          <a:effectLst/>
                          <a:highlight>
                            <a:srgbClr val="7030A0"/>
                          </a:highlight>
                          <a:latin typeface="Aptos Narrow"/>
                        </a:rPr>
                        <a:t>59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30A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57053556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ME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EE883"/>
                          </a:highlight>
                          <a:latin typeface="Aptos Narrow"/>
                        </a:rPr>
                        <a:t>5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8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63352865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ANTANDE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EE683"/>
                          </a:highlight>
                          <a:latin typeface="Aptos Narrow"/>
                        </a:rPr>
                        <a:t>5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6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6207471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RAUC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EE582"/>
                          </a:highlight>
                          <a:latin typeface="Aptos Narrow"/>
                        </a:rPr>
                        <a:t>5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5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1317889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PUTUMAY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EE582"/>
                          </a:highlight>
                          <a:latin typeface="Aptos Narrow"/>
                        </a:rPr>
                        <a:t>5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EE5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239299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ASANA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5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D880"/>
                          </a:highlight>
                          <a:latin typeface="Aptos Narrow"/>
                        </a:rPr>
                        <a:t>5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88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6778446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ATLANTIC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5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D47F"/>
                          </a:highlight>
                          <a:latin typeface="Aptos Narrow"/>
                        </a:rPr>
                        <a:t>49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47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00070187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BOLIVA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D07E"/>
                          </a:highlight>
                          <a:latin typeface="Aptos Narrow"/>
                        </a:rPr>
                        <a:t>48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D07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08692500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UC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DCC7E"/>
                          </a:highlight>
                          <a:latin typeface="Aptos Narrow"/>
                        </a:rPr>
                        <a:t>45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DCC7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2549620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ESAR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6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CC17C"/>
                          </a:highlight>
                          <a:latin typeface="Aptos Narrow"/>
                        </a:rPr>
                        <a:t>4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CC17C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19469081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CHOC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BB178"/>
                          </a:highlight>
                          <a:latin typeface="Aptos Narrow"/>
                        </a:rPr>
                        <a:t>3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B17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8162870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LA GUAJIR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6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8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BB178"/>
                          </a:highlight>
                          <a:latin typeface="Aptos Narrow"/>
                        </a:rPr>
                        <a:t>33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BB17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28008062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GUAVIAR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3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A9F75"/>
                          </a:highlight>
                          <a:latin typeface="Aptos Narrow"/>
                        </a:rPr>
                        <a:t>25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9F7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14655307"/>
                  </a:ext>
                </a:extLst>
              </a:tr>
              <a:tr h="14043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EMPRESAS SIN UBICACIÓN 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97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A6B"/>
                          </a:highlight>
                          <a:latin typeface="Aptos Narrow"/>
                        </a:rPr>
                        <a:t>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A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1009917"/>
                  </a:ext>
                </a:extLst>
              </a:tr>
              <a:tr h="170530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SAN ANDRES Y PROVIDENCI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87319074"/>
                  </a:ext>
                </a:extLst>
              </a:tr>
              <a:tr h="130405">
                <a:tc>
                  <a:txBody>
                    <a:bodyPr/>
                    <a:lstStyle/>
                    <a:p>
                      <a:pPr algn="l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VAUPES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latin typeface="Aptos Narrow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MX" sz="10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44425778"/>
                  </a:ext>
                </a:extLst>
              </a:tr>
            </a:tbl>
          </a:graphicData>
        </a:graphic>
      </p:graphicFrame>
      <p:graphicFrame>
        <p:nvGraphicFramePr>
          <p:cNvPr id="15" name="Tabla 14">
            <a:extLst>
              <a:ext uri="{FF2B5EF4-FFF2-40B4-BE49-F238E27FC236}">
                <a16:creationId xmlns:a16="http://schemas.microsoft.com/office/drawing/2014/main" id="{0A04D86A-B613-9DAE-33A7-216A61AFAAA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30976194"/>
              </p:ext>
            </p:extLst>
          </p:nvPr>
        </p:nvGraphicFramePr>
        <p:xfrm>
          <a:off x="8529589" y="2026371"/>
          <a:ext cx="3556526" cy="2642532"/>
        </p:xfrm>
        <a:graphic>
          <a:graphicData uri="http://schemas.openxmlformats.org/drawingml/2006/table">
            <a:tbl>
              <a:tblPr/>
              <a:tblGrid>
                <a:gridCol w="714591">
                  <a:extLst>
                    <a:ext uri="{9D8B030D-6E8A-4147-A177-3AD203B41FA5}">
                      <a16:colId xmlns:a16="http://schemas.microsoft.com/office/drawing/2014/main" val="3532067636"/>
                    </a:ext>
                  </a:extLst>
                </a:gridCol>
                <a:gridCol w="714591">
                  <a:extLst>
                    <a:ext uri="{9D8B030D-6E8A-4147-A177-3AD203B41FA5}">
                      <a16:colId xmlns:a16="http://schemas.microsoft.com/office/drawing/2014/main" val="91224782"/>
                    </a:ext>
                  </a:extLst>
                </a:gridCol>
                <a:gridCol w="714591">
                  <a:extLst>
                    <a:ext uri="{9D8B030D-6E8A-4147-A177-3AD203B41FA5}">
                      <a16:colId xmlns:a16="http://schemas.microsoft.com/office/drawing/2014/main" val="4068127295"/>
                    </a:ext>
                  </a:extLst>
                </a:gridCol>
                <a:gridCol w="1412753">
                  <a:extLst>
                    <a:ext uri="{9D8B030D-6E8A-4147-A177-3AD203B41FA5}">
                      <a16:colId xmlns:a16="http://schemas.microsoft.com/office/drawing/2014/main" val="3877448546"/>
                    </a:ext>
                  </a:extLst>
                </a:gridCol>
              </a:tblGrid>
              <a:tr h="322386"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Municipio 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No Reportaron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" panose="020B0004020202020204" pitchFamily="34" charset="0"/>
                        </a:rPr>
                        <a:t>SI   Reportaron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1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orcentaje de entrega  de informacio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276490454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IÉNAG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 panose="020B0004020202020204" pitchFamily="34" charset="0"/>
                        </a:rPr>
                        <a:t>10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51310567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GUAMAL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63BE7B"/>
                          </a:highlight>
                          <a:latin typeface="Aptos Narrow" panose="020B0004020202020204" pitchFamily="34" charset="0"/>
                        </a:rPr>
                        <a:t>10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63BE7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00814873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FUNDACIÓ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4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BDD881"/>
                          </a:highlight>
                          <a:latin typeface="Aptos Narrow" panose="020B0004020202020204" pitchFamily="34" charset="0"/>
                        </a:rPr>
                        <a:t>71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DD88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70776326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PLAT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CCDD82"/>
                          </a:highlight>
                          <a:latin typeface="Aptos Narrow" panose="020B0004020202020204" pitchFamily="34" charset="0"/>
                        </a:rPr>
                        <a:t>67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CDD8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38825392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NTA MART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49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72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E2E383"/>
                          </a:highlight>
                          <a:latin typeface="Aptos Narrow" panose="020B0004020202020204" pitchFamily="34" charset="0"/>
                        </a:rPr>
                        <a:t>6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2E38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4897554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RIGUANÍ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9740881"/>
                  </a:ext>
                </a:extLst>
              </a:tr>
              <a:tr h="200987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NUEVA GRANAD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97085473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NTA ANA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FEB84"/>
                          </a:highlight>
                          <a:latin typeface="Aptos Narrow" panose="020B0004020202020204" pitchFamily="34" charset="0"/>
                        </a:rPr>
                        <a:t>5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B8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66261145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ALGARROB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89075818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CHIVOL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97564305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EL RETÉN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8835984"/>
                  </a:ext>
                </a:extLst>
              </a:tr>
              <a:tr h="200987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ABANAS DE SAN ÁNGEL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356038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SITIONUEVO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8453880"/>
                  </a:ext>
                </a:extLst>
              </a:tr>
              <a:tr h="151118">
                <a:tc>
                  <a:txBody>
                    <a:bodyPr/>
                    <a:lstStyle/>
                    <a:p>
                      <a:pPr algn="l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TENERIFE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1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latin typeface="Aptos Narrow" panose="020B0004020202020204" pitchFamily="34" charset="0"/>
                        </a:rPr>
                        <a:t>0</a:t>
                      </a:r>
                    </a:p>
                  </a:txBody>
                  <a:tcPr marL="9525" marR="9525" marT="9525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s-CO" sz="800" b="0" i="0" u="none" strike="noStrike">
                          <a:solidFill>
                            <a:srgbClr val="000000"/>
                          </a:solidFill>
                          <a:effectLst/>
                          <a:highlight>
                            <a:srgbClr val="F8696B"/>
                          </a:highlight>
                          <a:latin typeface="Aptos Narrow" panose="020B0004020202020204" pitchFamily="34" charset="0"/>
                        </a:rPr>
                        <a:t>0%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8696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70054856"/>
                  </a:ext>
                </a:extLst>
              </a:tr>
            </a:tbl>
          </a:graphicData>
        </a:graphic>
      </p:graphicFrame>
      <p:sp>
        <p:nvSpPr>
          <p:cNvPr id="16" name="TextBox 27">
            <a:extLst>
              <a:ext uri="{FF2B5EF4-FFF2-40B4-BE49-F238E27FC236}">
                <a16:creationId xmlns:a16="http://schemas.microsoft.com/office/drawing/2014/main" id="{CAA78BBD-F478-B81A-9FE9-1D0CC38132A5}"/>
              </a:ext>
            </a:extLst>
          </p:cNvPr>
          <p:cNvSpPr txBox="1"/>
          <p:nvPr/>
        </p:nvSpPr>
        <p:spPr>
          <a:xfrm>
            <a:off x="8529588" y="1449983"/>
            <a:ext cx="3556526" cy="562300"/>
          </a:xfrm>
          <a:prstGeom prst="rect">
            <a:avLst/>
          </a:prstGeom>
          <a:solidFill>
            <a:schemeClr val="tx2"/>
          </a:solidFill>
        </p:spPr>
        <p:txBody>
          <a:bodyPr lIns="33867" tIns="33867" rIns="33867" bIns="33867" rtlCol="0" anchor="ctr"/>
          <a:lstStyle/>
          <a:p>
            <a:pPr algn="ctr">
              <a:lnSpc>
                <a:spcPts val="1493"/>
              </a:lnSpc>
            </a:pPr>
            <a:r>
              <a:rPr lang="es-ES_tradnl" sz="1400" spc="79">
                <a:solidFill>
                  <a:schemeClr val="bg1"/>
                </a:solidFill>
                <a:latin typeface="Open Sans Bold"/>
              </a:rPr>
              <a:t>Municipios departamento del Magdalena</a:t>
            </a:r>
          </a:p>
        </p:txBody>
      </p:sp>
      <p:sp>
        <p:nvSpPr>
          <p:cNvPr id="17" name="TextBox 17">
            <a:extLst>
              <a:ext uri="{FF2B5EF4-FFF2-40B4-BE49-F238E27FC236}">
                <a16:creationId xmlns:a16="http://schemas.microsoft.com/office/drawing/2014/main" id="{6CDA3471-4253-ABC7-716D-C218CC53C2EB}"/>
              </a:ext>
            </a:extLst>
          </p:cNvPr>
          <p:cNvSpPr txBox="1"/>
          <p:nvPr/>
        </p:nvSpPr>
        <p:spPr>
          <a:xfrm>
            <a:off x="4808955" y="4971988"/>
            <a:ext cx="7277159" cy="137858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 defTabSz="914446">
              <a:lnSpc>
                <a:spcPts val="2199"/>
              </a:lnSpc>
            </a:pPr>
            <a:r>
              <a:rPr lang="es-ES_tradnl" sz="1000" b="1" spc="73">
                <a:solidFill>
                  <a:srgbClr val="FF0000"/>
                </a:solidFill>
                <a:latin typeface="Nunito" pitchFamily="2" charset="0"/>
                <a:sym typeface="Wingdings" pitchFamily="2" charset="2"/>
              </a:rPr>
              <a:t>Conclusiones – Departamento </a:t>
            </a:r>
            <a:r>
              <a:rPr lang="es-ES_tradnl" sz="1000" b="1" spc="73" err="1">
                <a:solidFill>
                  <a:srgbClr val="FF0000"/>
                </a:solidFill>
                <a:latin typeface="Nunito" pitchFamily="2" charset="0"/>
                <a:sym typeface="Wingdings" pitchFamily="2" charset="2"/>
              </a:rPr>
              <a:t>Magadalena</a:t>
            </a:r>
            <a:endParaRPr lang="es-ES_tradnl" sz="1000" b="1" spc="73">
              <a:solidFill>
                <a:srgbClr val="FF0000"/>
              </a:solidFill>
              <a:latin typeface="Nunito" pitchFamily="2" charset="0"/>
              <a:sym typeface="Wingdings" pitchFamily="2" charset="2"/>
            </a:endParaRPr>
          </a:p>
          <a:p>
            <a:pPr marL="171450" indent="-171450" algn="ctr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>
                <a:latin typeface="Nunito" pitchFamily="2" charset="0"/>
                <a:sym typeface="Wingdings" pitchFamily="2" charset="2"/>
              </a:rPr>
              <a:t>El Departamento del Magdalena ocupa el puesto 16 con un 59% de cumplimiento del reporte de pólizas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>
                <a:latin typeface="Nunito" pitchFamily="2" charset="0"/>
                <a:sym typeface="Wingdings" pitchFamily="2" charset="2"/>
              </a:rPr>
              <a:t>Solo 3 empresas con domicilios en 2 municipios cumplieron al 100% con el reporte de pólizas 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r>
              <a:rPr lang="es-ES_tradnl" sz="1000" b="1" spc="73">
                <a:latin typeface="Nunito" pitchFamily="2" charset="0"/>
                <a:sym typeface="Wingdings" pitchFamily="2" charset="2"/>
              </a:rPr>
              <a:t>El 41% que corresponde a 63 empresas  No cumplieron con el reporte de pólizas </a:t>
            </a:r>
          </a:p>
          <a:p>
            <a:pPr marL="171450" indent="-171450" defTabSz="914446">
              <a:lnSpc>
                <a:spcPts val="2199"/>
              </a:lnSpc>
              <a:buFont typeface="Wingdings" pitchFamily="2" charset="2"/>
              <a:buChar char="à"/>
            </a:pPr>
            <a:endParaRPr lang="es-ES_tradnl" sz="1000" b="1" spc="73">
              <a:latin typeface="Nunito" pitchFamily="2" charset="0"/>
              <a:sym typeface="Wingdings" pitchFamily="2" charset="2"/>
            </a:endParaRPr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51617561-74C0-360B-E3BD-520D2214816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862578" y="1006467"/>
            <a:ext cx="3564275" cy="37537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87200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Freeform 24">
            <a:extLst>
              <a:ext uri="{FF2B5EF4-FFF2-40B4-BE49-F238E27FC236}">
                <a16:creationId xmlns:a16="http://schemas.microsoft.com/office/drawing/2014/main" id="{2E594C02-416E-47BD-0D29-227455AB3F5D}"/>
              </a:ext>
            </a:extLst>
          </p:cNvPr>
          <p:cNvSpPr/>
          <p:nvPr/>
        </p:nvSpPr>
        <p:spPr>
          <a:xfrm>
            <a:off x="179534" y="1148057"/>
            <a:ext cx="5024077" cy="5305222"/>
          </a:xfrm>
          <a:custGeom>
            <a:avLst/>
            <a:gdLst/>
            <a:ahLst/>
            <a:cxnLst/>
            <a:rect l="l" t="t" r="r" b="b"/>
            <a:pathLst>
              <a:path w="1294951" h="1253877">
                <a:moveTo>
                  <a:pt x="0" y="0"/>
                </a:moveTo>
                <a:lnTo>
                  <a:pt x="1294951" y="0"/>
                </a:lnTo>
                <a:lnTo>
                  <a:pt x="1294951" y="1253877"/>
                </a:lnTo>
                <a:lnTo>
                  <a:pt x="0" y="1253877"/>
                </a:lnTo>
                <a:close/>
              </a:path>
            </a:pathLst>
          </a:custGeom>
          <a:solidFill>
            <a:srgbClr val="000000">
              <a:alpha val="0"/>
            </a:srgbClr>
          </a:solidFill>
          <a:ln w="47625" cap="sq">
            <a:solidFill>
              <a:srgbClr val="3C6CB2"/>
            </a:solidFill>
            <a:prstDash val="solid"/>
            <a:miter/>
          </a:ln>
        </p:spPr>
        <p:txBody>
          <a:bodyPr/>
          <a:lstStyle/>
          <a:p>
            <a:endParaRPr lang="es-ES_tradnl" sz="1200"/>
          </a:p>
        </p:txBody>
      </p:sp>
      <p:grpSp>
        <p:nvGrpSpPr>
          <p:cNvPr id="2" name="Group 2"/>
          <p:cNvGrpSpPr/>
          <p:nvPr/>
        </p:nvGrpSpPr>
        <p:grpSpPr>
          <a:xfrm>
            <a:off x="1" y="6562929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2" name="TextBox 12"/>
          <p:cNvSpPr txBox="1"/>
          <p:nvPr/>
        </p:nvSpPr>
        <p:spPr>
          <a:xfrm>
            <a:off x="136703" y="1607011"/>
            <a:ext cx="4837287" cy="460831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521"/>
              </a:lnSpc>
            </a:pPr>
            <a:r>
              <a:rPr lang="es-CO" sz="1100" b="1">
                <a:solidFill>
                  <a:srgbClr val="000000"/>
                </a:solidFill>
                <a:latin typeface="Open Sans Bold"/>
              </a:rPr>
              <a:t> </a:t>
            </a:r>
            <a:r>
              <a:rPr lang="es-CO" sz="2800" b="1">
                <a:solidFill>
                  <a:srgbClr val="000000"/>
                </a:solidFill>
                <a:latin typeface="Open Sans Bold"/>
              </a:rPr>
              <a:t>Problemáticas</a:t>
            </a:r>
            <a:endParaRPr lang="es-CO" sz="2800" b="1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algn="ctr">
              <a:lnSpc>
                <a:spcPts val="1521"/>
              </a:lnSpc>
            </a:pPr>
            <a:endParaRPr lang="es-CO" sz="2800" b="1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>
                <a:solidFill>
                  <a:srgbClr val="000000"/>
                </a:solidFill>
                <a:latin typeface="Open Sans"/>
              </a:rPr>
              <a:t>Esta prohibido por la ley, </a:t>
            </a:r>
            <a:r>
              <a:rPr lang="es-CO" sz="1200" b="1" i="1">
                <a:solidFill>
                  <a:srgbClr val="000000"/>
                </a:solidFill>
                <a:latin typeface="Open Sans"/>
              </a:rPr>
              <a:t>compartir el riesgo entre la empresa y la aseguradora,</a:t>
            </a:r>
            <a:r>
              <a:rPr lang="es-CO" sz="1200">
                <a:solidFill>
                  <a:srgbClr val="000000"/>
                </a:solidFill>
                <a:latin typeface="Open Sans"/>
              </a:rPr>
              <a:t> pues se ocasiona asumir un riesgo a primera capa.</a:t>
            </a: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>
                <a:solidFill>
                  <a:srgbClr val="000000"/>
                </a:solidFill>
                <a:latin typeface="Open Sans"/>
              </a:rPr>
              <a:t>Toma de seguros obligatorios de RRC y RCE con </a:t>
            </a:r>
            <a:r>
              <a:rPr lang="es-CO" sz="1200" b="1" i="1">
                <a:solidFill>
                  <a:srgbClr val="000000"/>
                </a:solidFill>
                <a:latin typeface="Open Sans"/>
              </a:rPr>
              <a:t>valores de deducibles para los amparos de muerte, incapacidad y gastos médicos</a:t>
            </a:r>
            <a:r>
              <a:rPr lang="es-CO" sz="1200">
                <a:solidFill>
                  <a:srgbClr val="000000"/>
                </a:solidFill>
                <a:latin typeface="Open Sans"/>
              </a:rPr>
              <a:t>, lo cual está prohibido por la ley.</a:t>
            </a: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>
                <a:solidFill>
                  <a:srgbClr val="000000"/>
                </a:solidFill>
                <a:latin typeface="Open Sans"/>
              </a:rPr>
              <a:t> Los fondos de responsabilidad que tienen </a:t>
            </a:r>
            <a:r>
              <a:rPr lang="es-CO" sz="1200" b="1" i="1">
                <a:solidFill>
                  <a:srgbClr val="000000"/>
                </a:solidFill>
                <a:latin typeface="Open Sans"/>
              </a:rPr>
              <a:t>las empresas de transporte  están asumiendo el riesgo o parte del riesgo</a:t>
            </a:r>
            <a:r>
              <a:rPr lang="es-CO" sz="1200">
                <a:solidFill>
                  <a:srgbClr val="000000"/>
                </a:solidFill>
                <a:latin typeface="Open Sans"/>
              </a:rPr>
              <a:t>, lo cual está prohibido por la ley.</a:t>
            </a: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>
                <a:solidFill>
                  <a:srgbClr val="000000"/>
                </a:solidFill>
                <a:latin typeface="Open Sans"/>
              </a:rPr>
              <a:t>Los Fondos de Responsabilidad que están asumiendo los riesgos, </a:t>
            </a:r>
            <a:r>
              <a:rPr lang="es-CO" sz="1200" b="1" i="1">
                <a:solidFill>
                  <a:srgbClr val="000000"/>
                </a:solidFill>
                <a:latin typeface="Open Sans"/>
              </a:rPr>
              <a:t>no están Registrados ante la Superintendencia Financiera de Colombia, y no se evidencia que constituyan las Reservas Técnicas </a:t>
            </a:r>
            <a:r>
              <a:rPr lang="es-CO" sz="1200">
                <a:solidFill>
                  <a:srgbClr val="000000"/>
                </a:solidFill>
                <a:latin typeface="Open Sans"/>
              </a:rPr>
              <a:t>para responder por los siniestros.</a:t>
            </a: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34315" lvl="1" indent="-116840" algn="just">
              <a:lnSpc>
                <a:spcPts val="1521"/>
              </a:lnSpc>
              <a:buFont typeface="Arial"/>
              <a:buChar char="•"/>
            </a:pPr>
            <a:r>
              <a:rPr lang="es-CO" sz="1200">
                <a:solidFill>
                  <a:srgbClr val="000000"/>
                </a:solidFill>
                <a:latin typeface="Open Sans"/>
              </a:rPr>
              <a:t>El valor de </a:t>
            </a:r>
            <a:r>
              <a:rPr lang="es-CO" sz="1200" b="1" i="1">
                <a:solidFill>
                  <a:srgbClr val="000000"/>
                </a:solidFill>
                <a:latin typeface="Open Sans"/>
              </a:rPr>
              <a:t>la prima de seguro está incluido en la canasta de costos del contrato de transporte, es decir que la paga el usuario del servicio</a:t>
            </a:r>
            <a:r>
              <a:rPr lang="es-CO" sz="1200">
                <a:solidFill>
                  <a:srgbClr val="000000"/>
                </a:solidFill>
                <a:latin typeface="Open Sans"/>
              </a:rPr>
              <a:t>, por lo tanto, no debe haber limitación en la contratación de los seguros obligatorios de RRC y RCE.</a:t>
            </a: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521"/>
              </a:lnSpc>
            </a:pPr>
            <a:endParaRPr lang="es-CO" sz="12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</p:txBody>
      </p:sp>
      <p:sp>
        <p:nvSpPr>
          <p:cNvPr id="13" name="Freeform 13"/>
          <p:cNvSpPr/>
          <p:nvPr/>
        </p:nvSpPr>
        <p:spPr>
          <a:xfrm>
            <a:off x="8697411" y="1320480"/>
            <a:ext cx="1305906" cy="990989"/>
          </a:xfrm>
          <a:custGeom>
            <a:avLst/>
            <a:gdLst/>
            <a:ahLst/>
            <a:cxnLst/>
            <a:rect l="l" t="t" r="r" b="b"/>
            <a:pathLst>
              <a:path w="2111735" h="2191423">
                <a:moveTo>
                  <a:pt x="0" y="0"/>
                </a:moveTo>
                <a:lnTo>
                  <a:pt x="2111735" y="0"/>
                </a:lnTo>
                <a:lnTo>
                  <a:pt x="2111735" y="2191423"/>
                </a:lnTo>
                <a:lnTo>
                  <a:pt x="0" y="2191423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7" name="TextBox 17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20" name="TextBox 20"/>
          <p:cNvSpPr txBox="1"/>
          <p:nvPr/>
        </p:nvSpPr>
        <p:spPr>
          <a:xfrm>
            <a:off x="1942572" y="1354399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1</a:t>
            </a:r>
          </a:p>
        </p:txBody>
      </p:sp>
      <p:sp>
        <p:nvSpPr>
          <p:cNvPr id="21" name="TextBox 21"/>
          <p:cNvSpPr txBox="1"/>
          <p:nvPr/>
        </p:nvSpPr>
        <p:spPr>
          <a:xfrm>
            <a:off x="2900847" y="2418221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2</a:t>
            </a:r>
          </a:p>
        </p:txBody>
      </p:sp>
      <p:sp>
        <p:nvSpPr>
          <p:cNvPr id="22" name="TextBox 22"/>
          <p:cNvSpPr txBox="1"/>
          <p:nvPr/>
        </p:nvSpPr>
        <p:spPr>
          <a:xfrm>
            <a:off x="508509" y="2202693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5</a:t>
            </a:r>
          </a:p>
        </p:txBody>
      </p:sp>
      <p:grpSp>
        <p:nvGrpSpPr>
          <p:cNvPr id="23" name="Group 23"/>
          <p:cNvGrpSpPr/>
          <p:nvPr/>
        </p:nvGrpSpPr>
        <p:grpSpPr>
          <a:xfrm>
            <a:off x="5871990" y="2321114"/>
            <a:ext cx="6089043" cy="3987539"/>
            <a:chOff x="0" y="-57150"/>
            <a:chExt cx="1335933" cy="1575324"/>
          </a:xfrm>
        </p:grpSpPr>
        <p:sp>
          <p:nvSpPr>
            <p:cNvPr id="24" name="Freeform 24"/>
            <p:cNvSpPr/>
            <p:nvPr/>
          </p:nvSpPr>
          <p:spPr>
            <a:xfrm>
              <a:off x="0" y="0"/>
              <a:ext cx="1335933" cy="1518174"/>
            </a:xfrm>
            <a:custGeom>
              <a:avLst/>
              <a:gdLst/>
              <a:ahLst/>
              <a:cxnLst/>
              <a:rect l="l" t="t" r="r" b="b"/>
              <a:pathLst>
                <a:path w="1294951" h="1253877">
                  <a:moveTo>
                    <a:pt x="0" y="0"/>
                  </a:moveTo>
                  <a:lnTo>
                    <a:pt x="1294951" y="0"/>
                  </a:lnTo>
                  <a:lnTo>
                    <a:pt x="1294951" y="1253877"/>
                  </a:lnTo>
                  <a:lnTo>
                    <a:pt x="0" y="1253877"/>
                  </a:lnTo>
                  <a:close/>
                </a:path>
              </a:pathLst>
            </a:custGeom>
            <a:solidFill>
              <a:srgbClr val="000000">
                <a:alpha val="0"/>
              </a:srgbClr>
            </a:solidFill>
            <a:ln w="47625" cap="sq">
              <a:solidFill>
                <a:srgbClr val="3C6CB2"/>
              </a:solidFill>
              <a:prstDash val="solid"/>
              <a:miter/>
            </a:ln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25" name="TextBox 25"/>
            <p:cNvSpPr txBox="1"/>
            <p:nvPr/>
          </p:nvSpPr>
          <p:spPr>
            <a:xfrm>
              <a:off x="0" y="-57150"/>
              <a:ext cx="1294951" cy="131102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26" name="TextBox 26"/>
          <p:cNvSpPr txBox="1"/>
          <p:nvPr/>
        </p:nvSpPr>
        <p:spPr>
          <a:xfrm>
            <a:off x="5980345" y="2643391"/>
            <a:ext cx="5980685" cy="370761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880"/>
              </a:lnSpc>
            </a:pPr>
            <a:r>
              <a:rPr lang="en-US" sz="2800" b="1" err="1">
                <a:solidFill>
                  <a:srgbClr val="000000"/>
                </a:solidFill>
                <a:latin typeface="Open Sans Bold"/>
              </a:rPr>
              <a:t>Acciones</a:t>
            </a:r>
            <a:endParaRPr lang="en-US" sz="1400" b="1">
              <a:solidFill>
                <a:srgbClr val="000000"/>
              </a:solidFill>
              <a:latin typeface="Open Sans Bold"/>
            </a:endParaRPr>
          </a:p>
          <a:p>
            <a:pPr algn="ctr">
              <a:lnSpc>
                <a:spcPts val="1880"/>
              </a:lnSpc>
            </a:pPr>
            <a:endParaRPr lang="es-CO" sz="1400" b="1">
              <a:solidFill>
                <a:srgbClr val="000000"/>
              </a:solidFill>
              <a:latin typeface="Open Sans Bold"/>
              <a:ea typeface="Open Sans Bold"/>
              <a:cs typeface="Open Sans Bold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>
                <a:solidFill>
                  <a:srgbClr val="000000"/>
                </a:solidFill>
                <a:latin typeface="Open Sans"/>
              </a:rPr>
              <a:t>La Superintendencia de Transporte adelantará las </a:t>
            </a:r>
            <a:r>
              <a:rPr lang="es-CO" sz="1400" b="1" i="1" u="sng">
                <a:solidFill>
                  <a:srgbClr val="000000"/>
                </a:solidFill>
                <a:latin typeface="Open Sans"/>
              </a:rPr>
              <a:t>actuaciones administrativas correspondientes </a:t>
            </a:r>
            <a:endParaRPr lang="es-CO" sz="1400" b="1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endParaRPr lang="es-CO" sz="11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>
                <a:solidFill>
                  <a:srgbClr val="000000"/>
                </a:solidFill>
                <a:latin typeface="Open Sans"/>
              </a:rPr>
              <a:t>La Superintendencia de Transporte adoptará a través de una resolución la metodología e implementación de la </a:t>
            </a:r>
            <a:endParaRPr lang="es-CO" sz="14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r>
              <a:rPr lang="es-CO" sz="1400" b="1" i="1" u="sng">
                <a:solidFill>
                  <a:srgbClr val="000000"/>
                </a:solidFill>
                <a:latin typeface="Open Sans"/>
              </a:rPr>
              <a:t>solución tecnológica que permita el registro y actualización de las pólizas</a:t>
            </a:r>
            <a:endParaRPr lang="es-CO" sz="1400" b="1" i="1" u="sng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274955" lvl="1" indent="-137160" algn="just">
              <a:lnSpc>
                <a:spcPts val="1787"/>
              </a:lnSpc>
              <a:buFont typeface="Arial"/>
              <a:buChar char="•"/>
            </a:pPr>
            <a:endParaRPr lang="es-CO" sz="14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r>
              <a:rPr lang="es-CO" sz="1400" b="1">
                <a:solidFill>
                  <a:srgbClr val="000000"/>
                </a:solidFill>
                <a:latin typeface="Open Sans"/>
              </a:rPr>
              <a:t>Marzo 2024. </a:t>
            </a:r>
            <a:r>
              <a:rPr lang="es-CO" sz="1400">
                <a:solidFill>
                  <a:srgbClr val="000000"/>
                </a:solidFill>
                <a:latin typeface="Open Sans"/>
              </a:rPr>
              <a:t>- publicación borrador resolución pólizas </a:t>
            </a:r>
          </a:p>
          <a:p>
            <a:pPr marL="594360" lvl="2" algn="just">
              <a:lnSpc>
                <a:spcPts val="1787"/>
              </a:lnSpc>
            </a:pPr>
            <a:r>
              <a:rPr lang="es-CO" sz="1400">
                <a:solidFill>
                  <a:srgbClr val="000000"/>
                </a:solidFill>
                <a:latin typeface="Open Sans"/>
              </a:rPr>
              <a:t>( 12/04/2024 finaliza periodo de observaciones)</a:t>
            </a:r>
            <a:endParaRPr lang="es-CO" sz="14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endParaRPr lang="es-CO" sz="14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marL="880110" lvl="2" indent="-285750" algn="just">
              <a:lnSpc>
                <a:spcPts val="1787"/>
              </a:lnSpc>
              <a:buFont typeface="Wingdings" pitchFamily="2" charset="2"/>
              <a:buChar char="Ø"/>
            </a:pPr>
            <a:r>
              <a:rPr lang="es-CO" sz="1400" b="1">
                <a:solidFill>
                  <a:srgbClr val="000000"/>
                </a:solidFill>
                <a:latin typeface="Open Sans"/>
              </a:rPr>
              <a:t>Abril 2024 </a:t>
            </a:r>
            <a:r>
              <a:rPr lang="es-CO" sz="1400">
                <a:solidFill>
                  <a:srgbClr val="000000"/>
                </a:solidFill>
                <a:latin typeface="Open Sans"/>
              </a:rPr>
              <a:t>– Lanzamiento solución tecnológica de seguimiento y control de pólizas ( SISI/POLIZA)</a:t>
            </a:r>
            <a:endParaRPr lang="es-CO" sz="1400">
              <a:solidFill>
                <a:srgbClr val="000000"/>
              </a:solidFill>
              <a:latin typeface="Open Sans"/>
              <a:ea typeface="Open Sans"/>
              <a:cs typeface="Open Sans"/>
            </a:endParaRPr>
          </a:p>
          <a:p>
            <a:pPr algn="just">
              <a:lnSpc>
                <a:spcPts val="1787"/>
              </a:lnSpc>
            </a:pPr>
            <a:endParaRPr lang="en-US" sz="1400">
              <a:solidFill>
                <a:srgbClr val="000000"/>
              </a:solidFill>
              <a:latin typeface="Open Sans"/>
            </a:endParaRPr>
          </a:p>
        </p:txBody>
      </p:sp>
      <p:sp>
        <p:nvSpPr>
          <p:cNvPr id="27" name="TextBox 19">
            <a:extLst>
              <a:ext uri="{FF2B5EF4-FFF2-40B4-BE49-F238E27FC236}">
                <a16:creationId xmlns:a16="http://schemas.microsoft.com/office/drawing/2014/main" id="{7F0E14D7-8108-4EA1-9D5A-F210235E105B}"/>
              </a:ext>
            </a:extLst>
          </p:cNvPr>
          <p:cNvSpPr txBox="1"/>
          <p:nvPr/>
        </p:nvSpPr>
        <p:spPr>
          <a:xfrm>
            <a:off x="2180977" y="222744"/>
            <a:ext cx="6600061" cy="489108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n-US" sz="2800" b="1">
                <a:solidFill>
                  <a:srgbClr val="000000"/>
                </a:solidFill>
                <a:latin typeface="Raleway Bold"/>
              </a:rPr>
              <a:t>CONCLUSIONES PÓLIZAS - 2023</a:t>
            </a:r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1" y="6562929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17" name="TextBox 17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20" name="TextBox 20"/>
          <p:cNvSpPr txBox="1"/>
          <p:nvPr/>
        </p:nvSpPr>
        <p:spPr>
          <a:xfrm>
            <a:off x="1942572" y="1354399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1</a:t>
            </a:r>
          </a:p>
        </p:txBody>
      </p:sp>
      <p:sp>
        <p:nvSpPr>
          <p:cNvPr id="21" name="TextBox 21"/>
          <p:cNvSpPr txBox="1"/>
          <p:nvPr/>
        </p:nvSpPr>
        <p:spPr>
          <a:xfrm>
            <a:off x="2900847" y="2418221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2</a:t>
            </a:r>
          </a:p>
        </p:txBody>
      </p:sp>
      <p:sp>
        <p:nvSpPr>
          <p:cNvPr id="22" name="TextBox 22"/>
          <p:cNvSpPr txBox="1"/>
          <p:nvPr/>
        </p:nvSpPr>
        <p:spPr>
          <a:xfrm>
            <a:off x="508509" y="2202693"/>
            <a:ext cx="177291" cy="409792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3424"/>
              </a:lnSpc>
            </a:pPr>
            <a:r>
              <a:rPr lang="en-US" sz="2445">
                <a:solidFill>
                  <a:srgbClr val="FFFFFF"/>
                </a:solidFill>
                <a:latin typeface="Open Sans Bold"/>
              </a:rPr>
              <a:t>5</a:t>
            </a:r>
          </a:p>
        </p:txBody>
      </p:sp>
      <p:graphicFrame>
        <p:nvGraphicFramePr>
          <p:cNvPr id="9" name="Tabla 8">
            <a:extLst>
              <a:ext uri="{FF2B5EF4-FFF2-40B4-BE49-F238E27FC236}">
                <a16:creationId xmlns:a16="http://schemas.microsoft.com/office/drawing/2014/main" id="{DC31D296-60EA-E41C-7142-C731B78810A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4739429"/>
              </p:ext>
            </p:extLst>
          </p:nvPr>
        </p:nvGraphicFramePr>
        <p:xfrm>
          <a:off x="6600067" y="1291552"/>
          <a:ext cx="5382171" cy="5204546"/>
        </p:xfrm>
        <a:graphic>
          <a:graphicData uri="http://schemas.openxmlformats.org/drawingml/2006/table">
            <a:tbl>
              <a:tblPr firstRow="1" firstCol="1" bandRow="1"/>
              <a:tblGrid>
                <a:gridCol w="5382171">
                  <a:extLst>
                    <a:ext uri="{9D8B030D-6E8A-4147-A177-3AD203B41FA5}">
                      <a16:colId xmlns:a16="http://schemas.microsoft.com/office/drawing/2014/main" val="2696788748"/>
                    </a:ext>
                  </a:extLst>
                </a:gridCol>
              </a:tblGrid>
              <a:tr h="371749">
                <a:tc>
                  <a:txBody>
                    <a:bodyPr/>
                    <a:lstStyle/>
                    <a:p>
                      <a:pPr algn="ctr"/>
                      <a:endParaRPr lang="es-CO" sz="1100" b="1">
                        <a:solidFill>
                          <a:srgbClr val="FF0000"/>
                        </a:solidFill>
                        <a:effectLst/>
                        <a:highlight>
                          <a:srgbClr val="FFFFFF"/>
                        </a:highlight>
                        <a:latin typeface="Verdana" panose="020B060403050404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/>
                      <a:r>
                        <a:rPr lang="es-CO" sz="1100" b="1">
                          <a:solidFill>
                            <a:srgbClr val="FF0000"/>
                          </a:solidFill>
                          <a:effectLst/>
                          <a:highlight>
                            <a:srgbClr val="FFFFFF"/>
                          </a:highlight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ÓN SOBRE POLIZAS VIGENTES RESPONSABILIDAD CIVIL CONTRACTUAL y  </a:t>
                      </a:r>
                      <a:r>
                        <a:rPr lang="es-CO" sz="1600" b="1">
                          <a:solidFill>
                            <a:srgbClr val="FF0000"/>
                          </a:solidFill>
                          <a:effectLst/>
                          <a:highlight>
                            <a:srgbClr val="FFFFFF"/>
                          </a:highlight>
                          <a:latin typeface="Aptos Narrow" panose="020B000402020202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XTRACONTRACTUAL</a:t>
                      </a:r>
                      <a:endParaRPr lang="es-CO" sz="1600">
                        <a:solidFill>
                          <a:srgbClr val="FF0000"/>
                        </a:solidFill>
                        <a:effectLst/>
                        <a:highlight>
                          <a:srgbClr val="FFFFFF"/>
                        </a:highlight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5791524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úmero de póliza </a:t>
                      </a:r>
                      <a:endParaRPr lang="es-CO" sz="1100" b="1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8031606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Entidad Aseguradora 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186480782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Vigencia de la póliza: (Desde: inicio Vigencia)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64888602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Vigencia de la póliza: (Hasta: Final Vigencia)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2780668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S BÁSICO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13297112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uerte Accidental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19152312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capacidad Temporal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22218047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capacidad Permanente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3635382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lvl="0"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Gastos Médicos Hospitalario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7882402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S ADICIONALE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1143025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mparo patrimonial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95219411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sistencia Jurídica en proceso penal y civil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78026490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erjuicios patrimoniales y extrapatrimoniale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91988390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pPr indent="254000"/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tros amparo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442176681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ON SOBRE VEHÍCULOS 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5102793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Información de placas 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06494157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Información sobre el clausulado y caratula 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05059595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 b="1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NFORMACIÓN SOBRE EL FONDO DE RESPONSABILIDAD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601830508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Constitución Fondo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308770173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Numero de Resolución Superintendencia Financiera o entidad competente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42461275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Resolución de Resolución Superintendencia Financiera o entidad competente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012454480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Valor Reservas Técnicas del Fondo para cubrir las responsabilidades (SMMLV)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885425877"/>
                  </a:ext>
                </a:extLst>
              </a:tr>
              <a:tr h="33652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Fecha de corte reservas técnicas del fondo para cubrir las responsabilidades/fecha de  corte reservas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15818144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tra información complementaria del Fondo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723644216"/>
                  </a:ext>
                </a:extLst>
              </a:tr>
              <a:tr h="178002">
                <a:tc>
                  <a:txBody>
                    <a:bodyPr/>
                    <a:lstStyle/>
                    <a:p>
                      <a:r>
                        <a:rPr lang="es-CO" sz="900">
                          <a:solidFill>
                            <a:srgbClr val="000000"/>
                          </a:solidFill>
                          <a:effectLst/>
                          <a:latin typeface="Verdana" panose="020B060403050404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      Información sobre cubrimientos, primera y segunda capa</a:t>
                      </a:r>
                      <a:endParaRPr lang="es-CO" sz="110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39333" marR="39333" marT="8428" marB="8428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52300857"/>
                  </a:ext>
                </a:extLst>
              </a:tr>
            </a:tbl>
          </a:graphicData>
        </a:graphic>
      </p:graphicFrame>
      <p:sp>
        <p:nvSpPr>
          <p:cNvPr id="14" name="CuadroTexto 13">
            <a:extLst>
              <a:ext uri="{FF2B5EF4-FFF2-40B4-BE49-F238E27FC236}">
                <a16:creationId xmlns:a16="http://schemas.microsoft.com/office/drawing/2014/main" id="{F2597056-7734-E43C-E513-7214ED044E82}"/>
              </a:ext>
            </a:extLst>
          </p:cNvPr>
          <p:cNvSpPr txBox="1"/>
          <p:nvPr/>
        </p:nvSpPr>
        <p:spPr>
          <a:xfrm>
            <a:off x="227809" y="1294321"/>
            <a:ext cx="6003112" cy="1384995"/>
          </a:xfrm>
          <a:prstGeom prst="rect">
            <a:avLst/>
          </a:prstGeom>
          <a:solidFill>
            <a:schemeClr val="tx2"/>
          </a:solidFill>
        </p:spPr>
        <p:txBody>
          <a:bodyPr wrap="square">
            <a:spAutoFit/>
          </a:bodyPr>
          <a:lstStyle/>
          <a:p>
            <a:pPr algn="ctr"/>
            <a:r>
              <a:rPr lang="es-CO" sz="1200" b="1" kern="100">
                <a:solidFill>
                  <a:schemeClr val="bg1"/>
                </a:solidFill>
                <a:effectLst/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royecto de Resolución:</a:t>
            </a:r>
          </a:p>
          <a:p>
            <a:endParaRPr lang="es-CO" sz="1200" b="1" kern="10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algn="just"/>
            <a:r>
              <a:rPr lang="es-CO" sz="1200" kern="100">
                <a:solidFill>
                  <a:schemeClr val="bg1"/>
                </a:solidFill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“Lineamientos para el reporte de la póliza de responsabilidad civil contractual y extracontractual que deben tomar las empresas para el aseguramiento de la actividad transportadora para la prestación del servicio público de transporte en las modalidades Especial, Mixto y de Pasajeros por carretera ”</a:t>
            </a:r>
            <a:endParaRPr lang="es-ES_tradnl" sz="1200" kern="10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D2A5C816-0F79-7FC2-E0A3-05E8F72F571F}"/>
              </a:ext>
            </a:extLst>
          </p:cNvPr>
          <p:cNvSpPr txBox="1"/>
          <p:nvPr/>
        </p:nvSpPr>
        <p:spPr>
          <a:xfrm>
            <a:off x="209762" y="2679316"/>
            <a:ext cx="5990114" cy="3647152"/>
          </a:xfrm>
          <a:prstGeom prst="rect">
            <a:avLst/>
          </a:prstGeom>
          <a:ln>
            <a:solidFill>
              <a:schemeClr val="tx2"/>
            </a:solidFill>
            <a:prstDash val="dash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pPr marL="228600" indent="-228600">
              <a:buFont typeface="+mj-lt"/>
              <a:buAutoNum type="arabicPeriod"/>
            </a:pPr>
            <a:r>
              <a:rPr lang="es-CO" sz="1100" b="1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Quienes deben reportar y mantener la información actualizada:</a:t>
            </a: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Empresas de transporte: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Especial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Mixto</a:t>
            </a:r>
          </a:p>
          <a:p>
            <a:pPr marL="628650" lvl="1" indent="-171450">
              <a:buFont typeface="Wingdings" pitchFamily="2" charset="2"/>
              <a:buChar char="Ø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asajeros por carretera </a:t>
            </a:r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2. Cuando deben reportar:</a:t>
            </a: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pPr marL="171450" indent="-171450" algn="just">
              <a:buFont typeface="Wingdings" pitchFamily="2" charset="2"/>
              <a:buChar char="q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Primer registro: Desde el 29 de abril hasta el  17 de mayo del 2024</a:t>
            </a:r>
          </a:p>
          <a:p>
            <a:pPr marL="171450" indent="-171450">
              <a:buFont typeface="Wingdings" pitchFamily="2" charset="2"/>
              <a:buChar char="q"/>
            </a:pP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Actualización permanente: Cada vez que la empresa tome una nueva póliza deberá reportar.</a:t>
            </a:r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3. Donde deben reportar:</a:t>
            </a: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Sistema de Información de Seguimiento e Implementación y control de pólizas de seguro de responsabilidad civil contractual y extracontractual (SISI/POLIZA)</a:t>
            </a:r>
          </a:p>
          <a:p>
            <a:endParaRPr lang="es-CO" sz="1100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b="1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4. Donde puedo consultar la documentación  del reporte de información :</a:t>
            </a:r>
          </a:p>
          <a:p>
            <a:endParaRPr lang="es-CO" sz="1100" b="1" kern="100"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  <a:p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supertransporte.gov.co/index.php/formulario-sisi-poliza</a:t>
            </a:r>
            <a:r>
              <a:rPr lang="es-CO" sz="1100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 )</a:t>
            </a:r>
          </a:p>
        </p:txBody>
      </p:sp>
      <p:sp>
        <p:nvSpPr>
          <p:cNvPr id="29" name="CuadroTexto 28">
            <a:extLst>
              <a:ext uri="{FF2B5EF4-FFF2-40B4-BE49-F238E27FC236}">
                <a16:creationId xmlns:a16="http://schemas.microsoft.com/office/drawing/2014/main" id="{3960AB5B-1330-1710-4014-82628A3800B2}"/>
              </a:ext>
            </a:extLst>
          </p:cNvPr>
          <p:cNvSpPr txBox="1"/>
          <p:nvPr/>
        </p:nvSpPr>
        <p:spPr>
          <a:xfrm>
            <a:off x="2119862" y="154070"/>
            <a:ext cx="6838467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s-CO" sz="1400" b="1" kern="100"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Sistema de Información de Seguimiento e Implementación y control de pólizas de seguro de responsabilidad civil contractual y extracontractual (SISI/POLIZA)</a:t>
            </a:r>
          </a:p>
        </p:txBody>
      </p:sp>
    </p:spTree>
    <p:extLst>
      <p:ext uri="{BB962C8B-B14F-4D97-AF65-F5344CB8AC3E}">
        <p14:creationId xmlns:p14="http://schemas.microsoft.com/office/powerpoint/2010/main" val="361984566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1359846" y="2181018"/>
            <a:ext cx="6904653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Sistema de Colaboración Tecnológico con Enfoque Multipropósito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CuadroTexto 9">
            <a:extLst>
              <a:ext uri="{FF2B5EF4-FFF2-40B4-BE49-F238E27FC236}">
                <a16:creationId xmlns:a16="http://schemas.microsoft.com/office/drawing/2014/main" id="{7F69EADC-30C2-AAE7-E7DE-85968102D8E9}"/>
              </a:ext>
            </a:extLst>
          </p:cNvPr>
          <p:cNvSpPr txBox="1"/>
          <p:nvPr/>
        </p:nvSpPr>
        <p:spPr>
          <a:xfrm>
            <a:off x="-1075444" y="4487478"/>
            <a:ext cx="923730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s-CO" sz="3600" b="1">
                <a:solidFill>
                  <a:schemeClr val="bg1"/>
                </a:solidFill>
                <a:latin typeface="Nunito" pitchFamily="2" charset="0"/>
              </a:rPr>
              <a:t>Infracciones – Exceso de Velocidad </a:t>
            </a:r>
          </a:p>
        </p:txBody>
      </p:sp>
    </p:spTree>
    <p:extLst>
      <p:ext uri="{BB962C8B-B14F-4D97-AF65-F5344CB8AC3E}">
        <p14:creationId xmlns:p14="http://schemas.microsoft.com/office/powerpoint/2010/main" val="168853826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127495"/>
            <a:ext cx="12192000" cy="8010203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5039614" y="6599645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sp>
        <p:nvSpPr>
          <p:cNvPr id="8" name="CuadroTexto 7">
            <a:extLst>
              <a:ext uri="{FF2B5EF4-FFF2-40B4-BE49-F238E27FC236}">
                <a16:creationId xmlns:a16="http://schemas.microsoft.com/office/drawing/2014/main" id="{E7A858C3-2C40-164F-D8A7-F31A9B2B3644}"/>
              </a:ext>
            </a:extLst>
          </p:cNvPr>
          <p:cNvSpPr txBox="1"/>
          <p:nvPr/>
        </p:nvSpPr>
        <p:spPr>
          <a:xfrm>
            <a:off x="172886" y="1587340"/>
            <a:ext cx="3288070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400" b="1">
                <a:latin typeface="Nunito" pitchFamily="2" charset="77"/>
              </a:rPr>
              <a:t>Top 10 Vehículos Públicos con mayor número de detecciones por</a:t>
            </a:r>
          </a:p>
          <a:p>
            <a:pPr algn="ctr"/>
            <a:r>
              <a:rPr lang="es-CO" sz="2400" b="1">
                <a:latin typeface="Nunito" pitchFamily="2" charset="77"/>
              </a:rPr>
              <a:t>Exceso de Velocidad en el 2023 </a:t>
            </a:r>
          </a:p>
        </p:txBody>
      </p:sp>
      <p:sp>
        <p:nvSpPr>
          <p:cNvPr id="11" name="CuadroTexto 10">
            <a:extLst>
              <a:ext uri="{FF2B5EF4-FFF2-40B4-BE49-F238E27FC236}">
                <a16:creationId xmlns:a16="http://schemas.microsoft.com/office/drawing/2014/main" id="{677FB587-C976-B5EC-D01B-BB5EDAD445E1}"/>
              </a:ext>
            </a:extLst>
          </p:cNvPr>
          <p:cNvSpPr txBox="1"/>
          <p:nvPr/>
        </p:nvSpPr>
        <p:spPr>
          <a:xfrm>
            <a:off x="9404713" y="6426636"/>
            <a:ext cx="310272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050" i="1">
                <a:latin typeface="Nunito" pitchFamily="2" charset="77"/>
              </a:rPr>
              <a:t>Fuente: Radares Concesionaria Vial Andina</a:t>
            </a:r>
          </a:p>
        </p:txBody>
      </p:sp>
      <p:sp>
        <p:nvSpPr>
          <p:cNvPr id="12" name="CuadroTexto 11">
            <a:extLst>
              <a:ext uri="{FF2B5EF4-FFF2-40B4-BE49-F238E27FC236}">
                <a16:creationId xmlns:a16="http://schemas.microsoft.com/office/drawing/2014/main" id="{E3D775BF-FFB2-4D2D-FD3E-3660E30E2611}"/>
              </a:ext>
            </a:extLst>
          </p:cNvPr>
          <p:cNvSpPr txBox="1"/>
          <p:nvPr/>
        </p:nvSpPr>
        <p:spPr>
          <a:xfrm>
            <a:off x="786992" y="4144395"/>
            <a:ext cx="2059858" cy="161582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s-CO" sz="1100" b="1">
                <a:latin typeface="Nunito"/>
              </a:rPr>
              <a:t>Acciones a realizar </a:t>
            </a:r>
            <a:r>
              <a:rPr lang="es-CO" sz="1100" b="1" err="1">
                <a:latin typeface="Nunito"/>
              </a:rPr>
              <a:t>Supertransporte</a:t>
            </a:r>
            <a:r>
              <a:rPr lang="es-CO" sz="1100" b="1">
                <a:latin typeface="Nunito"/>
              </a:rPr>
              <a:t>: </a:t>
            </a:r>
            <a:endParaRPr lang="es-ES" sz="1100" b="1"/>
          </a:p>
          <a:p>
            <a:endParaRPr lang="es-CO" sz="1100">
              <a:latin typeface="Nunito" pitchFamily="2" charset="77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100">
                <a:latin typeface="Nunito"/>
              </a:rPr>
              <a:t>Identificación de los propietarios vía  RUNT y comunicación de infraccione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100">
                <a:latin typeface="Nunito"/>
              </a:rPr>
              <a:t>Seguimiento para el año 2024</a:t>
            </a: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436A0FCA-43B4-A28A-C7BF-24813C874F6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1046" y="227381"/>
            <a:ext cx="1795393" cy="624045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F09240DC-A154-3FD5-7D7E-B0DE0B1CCB8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655453" y="31320"/>
            <a:ext cx="1255365" cy="888159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D298E3BF-C25F-5716-9CE0-0320EBDF3F49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49323" y="-103282"/>
            <a:ext cx="1559861" cy="1110621"/>
          </a:xfrm>
          <a:prstGeom prst="rect">
            <a:avLst/>
          </a:prstGeom>
        </p:spPr>
      </p:pic>
      <p:pic>
        <p:nvPicPr>
          <p:cNvPr id="9" name="Imagen 8">
            <a:extLst>
              <a:ext uri="{FF2B5EF4-FFF2-40B4-BE49-F238E27FC236}">
                <a16:creationId xmlns:a16="http://schemas.microsoft.com/office/drawing/2014/main" id="{20C6551C-B835-91E2-65B5-7FD719D5AF3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633842" y="919479"/>
            <a:ext cx="8135231" cy="5313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558876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127495"/>
            <a:ext cx="12192000" cy="8010203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5039614" y="6599645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sp>
        <p:nvSpPr>
          <p:cNvPr id="8" name="CuadroTexto 7">
            <a:extLst>
              <a:ext uri="{FF2B5EF4-FFF2-40B4-BE49-F238E27FC236}">
                <a16:creationId xmlns:a16="http://schemas.microsoft.com/office/drawing/2014/main" id="{E7A858C3-2C40-164F-D8A7-F31A9B2B3644}"/>
              </a:ext>
            </a:extLst>
          </p:cNvPr>
          <p:cNvSpPr txBox="1"/>
          <p:nvPr/>
        </p:nvSpPr>
        <p:spPr>
          <a:xfrm>
            <a:off x="7905486" y="1798934"/>
            <a:ext cx="4149212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000" b="1">
                <a:latin typeface="Nunito" pitchFamily="2" charset="0"/>
                <a:cs typeface="Arial" panose="020B0604020202020204" pitchFamily="34" charset="0"/>
              </a:rPr>
              <a:t>Top 10 Vehículos Particulares con mayores velocidades registradas en el 2023 </a:t>
            </a:r>
          </a:p>
        </p:txBody>
      </p:sp>
      <p:sp>
        <p:nvSpPr>
          <p:cNvPr id="11" name="CuadroTexto 10">
            <a:extLst>
              <a:ext uri="{FF2B5EF4-FFF2-40B4-BE49-F238E27FC236}">
                <a16:creationId xmlns:a16="http://schemas.microsoft.com/office/drawing/2014/main" id="{677FB587-C976-B5EC-D01B-BB5EDAD445E1}"/>
              </a:ext>
            </a:extLst>
          </p:cNvPr>
          <p:cNvSpPr txBox="1"/>
          <p:nvPr/>
        </p:nvSpPr>
        <p:spPr>
          <a:xfrm>
            <a:off x="9404713" y="6426636"/>
            <a:ext cx="310272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050" i="1">
                <a:latin typeface="Nunito" pitchFamily="2" charset="77"/>
              </a:rPr>
              <a:t>Fuente: Radares Concesionaria Vial Andina</a:t>
            </a:r>
          </a:p>
        </p:txBody>
      </p:sp>
      <p:sp>
        <p:nvSpPr>
          <p:cNvPr id="12" name="CuadroTexto 11">
            <a:extLst>
              <a:ext uri="{FF2B5EF4-FFF2-40B4-BE49-F238E27FC236}">
                <a16:creationId xmlns:a16="http://schemas.microsoft.com/office/drawing/2014/main" id="{E3D775BF-FFB2-4D2D-FD3E-3660E30E2611}"/>
              </a:ext>
            </a:extLst>
          </p:cNvPr>
          <p:cNvSpPr txBox="1"/>
          <p:nvPr/>
        </p:nvSpPr>
        <p:spPr>
          <a:xfrm>
            <a:off x="8789013" y="3680659"/>
            <a:ext cx="3402987" cy="938719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es-CO" sz="1100" b="1">
                <a:latin typeface="Nunito"/>
              </a:rPr>
              <a:t>Acciones a realizar </a:t>
            </a:r>
            <a:r>
              <a:rPr lang="es-CO" sz="1100" b="1" err="1">
                <a:latin typeface="Nunito"/>
              </a:rPr>
              <a:t>Supertransporte</a:t>
            </a:r>
            <a:r>
              <a:rPr lang="es-CO" sz="1100" b="1">
                <a:latin typeface="Nunito"/>
              </a:rPr>
              <a:t>: </a:t>
            </a:r>
            <a:endParaRPr lang="es-ES" sz="1100" b="1"/>
          </a:p>
          <a:p>
            <a:endParaRPr lang="es-CO" sz="1100">
              <a:latin typeface="Nunito" pitchFamily="2" charset="77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100">
                <a:latin typeface="Nunito"/>
              </a:rPr>
              <a:t>Identificación de los propietarios vía  RUNT y comunicación de infracciones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s-CO" sz="1100">
                <a:latin typeface="Nunito"/>
              </a:rPr>
              <a:t>Seguimiento para el año 2024</a:t>
            </a:r>
          </a:p>
        </p:txBody>
      </p:sp>
      <p:pic>
        <p:nvPicPr>
          <p:cNvPr id="2" name="Imagen 1">
            <a:extLst>
              <a:ext uri="{FF2B5EF4-FFF2-40B4-BE49-F238E27FC236}">
                <a16:creationId xmlns:a16="http://schemas.microsoft.com/office/drawing/2014/main" id="{C2F09CAF-D7AB-46A4-EFE5-C66CDEA5DA8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7302" y="1117321"/>
            <a:ext cx="7554238" cy="5126675"/>
          </a:xfrm>
          <a:prstGeom prst="rect">
            <a:avLst/>
          </a:prstGeom>
        </p:spPr>
      </p:pic>
      <p:pic>
        <p:nvPicPr>
          <p:cNvPr id="4" name="Imagen 3">
            <a:extLst>
              <a:ext uri="{FF2B5EF4-FFF2-40B4-BE49-F238E27FC236}">
                <a16:creationId xmlns:a16="http://schemas.microsoft.com/office/drawing/2014/main" id="{436A0FCA-43B4-A28A-C7BF-24813C874F6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11046" y="227381"/>
            <a:ext cx="1795393" cy="624045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F09240DC-A154-3FD5-7D7E-B0DE0B1CCB8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655453" y="31320"/>
            <a:ext cx="1255365" cy="888159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D298E3BF-C25F-5716-9CE0-0320EBDF3F4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49323" y="-103282"/>
            <a:ext cx="1559861" cy="11106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6955718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2404" y="-1130412"/>
            <a:ext cx="12192000" cy="8010203"/>
          </a:xfrm>
          <a:prstGeom prst="rect">
            <a:avLst/>
          </a:prstGeom>
        </p:spPr>
      </p:pic>
      <p:sp>
        <p:nvSpPr>
          <p:cNvPr id="6" name="CuadroTexto 5">
            <a:extLst>
              <a:ext uri="{FF2B5EF4-FFF2-40B4-BE49-F238E27FC236}">
                <a16:creationId xmlns:a16="http://schemas.microsoft.com/office/drawing/2014/main" id="{43961784-A23C-BA19-7252-A2EFBCEDF05C}"/>
              </a:ext>
            </a:extLst>
          </p:cNvPr>
          <p:cNvSpPr txBox="1"/>
          <p:nvPr/>
        </p:nvSpPr>
        <p:spPr>
          <a:xfrm>
            <a:off x="1737574" y="1007339"/>
            <a:ext cx="792961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000" b="1">
                <a:latin typeface="Nunito" pitchFamily="2" charset="77"/>
              </a:rPr>
              <a:t>Top 10 Vehículos por mes con mayor número de detección por exceso de Velocidad en el 2023 </a:t>
            </a:r>
          </a:p>
        </p:txBody>
      </p:sp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5039614" y="6599645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sp>
        <p:nvSpPr>
          <p:cNvPr id="32" name="CuadroTexto 31">
            <a:extLst>
              <a:ext uri="{FF2B5EF4-FFF2-40B4-BE49-F238E27FC236}">
                <a16:creationId xmlns:a16="http://schemas.microsoft.com/office/drawing/2014/main" id="{5CEAB17E-A2F0-E2CC-21AD-E5013EB23D00}"/>
              </a:ext>
            </a:extLst>
          </p:cNvPr>
          <p:cNvSpPr txBox="1"/>
          <p:nvPr/>
        </p:nvSpPr>
        <p:spPr>
          <a:xfrm>
            <a:off x="8980684" y="6166478"/>
            <a:ext cx="310272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1050" i="1">
                <a:latin typeface="Nunito" pitchFamily="2" charset="77"/>
              </a:rPr>
              <a:t>Fuente: Radares Concesionaria Vial Andina</a:t>
            </a:r>
          </a:p>
        </p:txBody>
      </p:sp>
      <p:pic>
        <p:nvPicPr>
          <p:cNvPr id="3" name="Imagen 2">
            <a:extLst>
              <a:ext uri="{FF2B5EF4-FFF2-40B4-BE49-F238E27FC236}">
                <a16:creationId xmlns:a16="http://schemas.microsoft.com/office/drawing/2014/main" id="{DAD633D3-096A-A2EF-57AA-610640A1D2D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1046" y="227381"/>
            <a:ext cx="1795393" cy="624045"/>
          </a:xfrm>
          <a:prstGeom prst="rect">
            <a:avLst/>
          </a:prstGeom>
        </p:spPr>
      </p:pic>
      <p:pic>
        <p:nvPicPr>
          <p:cNvPr id="4" name="Imagen 3">
            <a:extLst>
              <a:ext uri="{FF2B5EF4-FFF2-40B4-BE49-F238E27FC236}">
                <a16:creationId xmlns:a16="http://schemas.microsoft.com/office/drawing/2014/main" id="{FA840F05-AE1D-DB4A-A6F9-E95E7120966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679013" y="119180"/>
            <a:ext cx="1255365" cy="888159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E049688A-EB2E-BA35-050B-2C1D198FCDD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198325" y="-21897"/>
            <a:ext cx="1559861" cy="1110621"/>
          </a:xfrm>
          <a:prstGeom prst="rect">
            <a:avLst/>
          </a:prstGeom>
        </p:spPr>
      </p:pic>
      <p:pic>
        <p:nvPicPr>
          <p:cNvPr id="9" name="Imagen 8">
            <a:extLst>
              <a:ext uri="{FF2B5EF4-FFF2-40B4-BE49-F238E27FC236}">
                <a16:creationId xmlns:a16="http://schemas.microsoft.com/office/drawing/2014/main" id="{2ED96FC3-B444-2D01-0158-EEBBC863D630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5398" y="2573319"/>
            <a:ext cx="5316984" cy="3327851"/>
          </a:xfrm>
          <a:prstGeom prst="rect">
            <a:avLst/>
          </a:prstGeom>
        </p:spPr>
      </p:pic>
      <p:pic>
        <p:nvPicPr>
          <p:cNvPr id="10" name="Imagen 9">
            <a:extLst>
              <a:ext uri="{FF2B5EF4-FFF2-40B4-BE49-F238E27FC236}">
                <a16:creationId xmlns:a16="http://schemas.microsoft.com/office/drawing/2014/main" id="{A9A145E1-C53B-7F37-28BD-EA9BBA1198D1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322192" y="2614203"/>
            <a:ext cx="5316984" cy="3346795"/>
          </a:xfrm>
          <a:prstGeom prst="rect">
            <a:avLst/>
          </a:prstGeom>
        </p:spPr>
      </p:pic>
      <p:sp>
        <p:nvSpPr>
          <p:cNvPr id="11" name="CuadroTexto 10">
            <a:extLst>
              <a:ext uri="{FF2B5EF4-FFF2-40B4-BE49-F238E27FC236}">
                <a16:creationId xmlns:a16="http://schemas.microsoft.com/office/drawing/2014/main" id="{768BB4C6-6BEE-8963-A748-FC6B52C54C70}"/>
              </a:ext>
            </a:extLst>
          </p:cNvPr>
          <p:cNvSpPr txBox="1"/>
          <p:nvPr/>
        </p:nvSpPr>
        <p:spPr>
          <a:xfrm>
            <a:off x="2034239" y="2069330"/>
            <a:ext cx="37308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/>
              <a:t>Primer semestre 2023</a:t>
            </a:r>
          </a:p>
        </p:txBody>
      </p:sp>
      <p:sp>
        <p:nvSpPr>
          <p:cNvPr id="12" name="CuadroTexto 11">
            <a:extLst>
              <a:ext uri="{FF2B5EF4-FFF2-40B4-BE49-F238E27FC236}">
                <a16:creationId xmlns:a16="http://schemas.microsoft.com/office/drawing/2014/main" id="{37311760-E6DB-3E93-A284-2E3061475200}"/>
              </a:ext>
            </a:extLst>
          </p:cNvPr>
          <p:cNvSpPr txBox="1"/>
          <p:nvPr/>
        </p:nvSpPr>
        <p:spPr>
          <a:xfrm>
            <a:off x="7801754" y="2154806"/>
            <a:ext cx="373087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/>
              <a:t>Segundo semestre 2023</a:t>
            </a:r>
          </a:p>
        </p:txBody>
      </p:sp>
    </p:spTree>
    <p:extLst>
      <p:ext uri="{BB962C8B-B14F-4D97-AF65-F5344CB8AC3E}">
        <p14:creationId xmlns:p14="http://schemas.microsoft.com/office/powerpoint/2010/main" val="734010219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FECE50E2-AFDE-3CB5-F8BD-7E1CF1C86BE8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uadroTexto 3">
            <a:extLst>
              <a:ext uri="{FF2B5EF4-FFF2-40B4-BE49-F238E27FC236}">
                <a16:creationId xmlns:a16="http://schemas.microsoft.com/office/drawing/2014/main" id="{C0C920EB-C79C-BC3C-536E-13FC460C1D06}"/>
              </a:ext>
            </a:extLst>
          </p:cNvPr>
          <p:cNvSpPr txBox="1"/>
          <p:nvPr/>
        </p:nvSpPr>
        <p:spPr>
          <a:xfrm>
            <a:off x="5400817" y="3072579"/>
            <a:ext cx="378983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7200" b="1">
                <a:solidFill>
                  <a:schemeClr val="bg1"/>
                </a:solidFill>
                <a:latin typeface="Nunito" pitchFamily="2" charset="0"/>
              </a:rPr>
              <a:t>PESV</a:t>
            </a:r>
          </a:p>
        </p:txBody>
      </p:sp>
      <p:sp>
        <p:nvSpPr>
          <p:cNvPr id="3" name="CuadroTexto 2">
            <a:extLst>
              <a:ext uri="{FF2B5EF4-FFF2-40B4-BE49-F238E27FC236}">
                <a16:creationId xmlns:a16="http://schemas.microsoft.com/office/drawing/2014/main" id="{0967047C-249D-87A8-4A63-B937703D8279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cxnSp>
        <p:nvCxnSpPr>
          <p:cNvPr id="2" name="Conector recto 1">
            <a:extLst>
              <a:ext uri="{FF2B5EF4-FFF2-40B4-BE49-F238E27FC236}">
                <a16:creationId xmlns:a16="http://schemas.microsoft.com/office/drawing/2014/main" id="{30547F71-50DC-D158-C997-B125D140B857}"/>
              </a:ext>
            </a:extLst>
          </p:cNvPr>
          <p:cNvCxnSpPr>
            <a:cxnSpLocks/>
          </p:cNvCxnSpPr>
          <p:nvPr/>
        </p:nvCxnSpPr>
        <p:spPr>
          <a:xfrm>
            <a:off x="1240971" y="4338735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Elipse 4">
            <a:extLst>
              <a:ext uri="{FF2B5EF4-FFF2-40B4-BE49-F238E27FC236}">
                <a16:creationId xmlns:a16="http://schemas.microsoft.com/office/drawing/2014/main" id="{157BECDF-469C-F4EA-13F9-E9A3B50DB167}"/>
              </a:ext>
            </a:extLst>
          </p:cNvPr>
          <p:cNvSpPr/>
          <p:nvPr/>
        </p:nvSpPr>
        <p:spPr>
          <a:xfrm>
            <a:off x="1099102" y="2001907"/>
            <a:ext cx="2161488" cy="2161488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6" name="Imagen 5">
            <a:extLst>
              <a:ext uri="{FF2B5EF4-FFF2-40B4-BE49-F238E27FC236}">
                <a16:creationId xmlns:a16="http://schemas.microsoft.com/office/drawing/2014/main" id="{81B04B1C-A203-4A42-7D74-60201D9CE1C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5966" y="2131474"/>
            <a:ext cx="2347759" cy="16716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617309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n 3">
            <a:extLst>
              <a:ext uri="{FF2B5EF4-FFF2-40B4-BE49-F238E27FC236}">
                <a16:creationId xmlns:a16="http://schemas.microsoft.com/office/drawing/2014/main" id="{34E7F52C-385E-E2E3-8F6D-0637391E7AA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462"/>
            <a:ext cx="12192821" cy="6857538"/>
          </a:xfrm>
          <a:prstGeom prst="rect">
            <a:avLst/>
          </a:prstGeom>
        </p:spPr>
      </p:pic>
      <p:sp>
        <p:nvSpPr>
          <p:cNvPr id="5" name="TextBox 2">
            <a:extLst>
              <a:ext uri="{FF2B5EF4-FFF2-40B4-BE49-F238E27FC236}">
                <a16:creationId xmlns:a16="http://schemas.microsoft.com/office/drawing/2014/main" id="{D3344F5D-9AFC-70FA-E330-BF1C8BE82AC5}"/>
              </a:ext>
            </a:extLst>
          </p:cNvPr>
          <p:cNvSpPr txBox="1"/>
          <p:nvPr/>
        </p:nvSpPr>
        <p:spPr>
          <a:xfrm>
            <a:off x="705603" y="1232002"/>
            <a:ext cx="7754526" cy="941027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3634"/>
              </a:lnSpc>
            </a:pPr>
            <a:r>
              <a:rPr lang="es-ES_tradnl" sz="3460" b="1" spc="259">
                <a:solidFill>
                  <a:srgbClr val="000000"/>
                </a:solidFill>
                <a:latin typeface="Nunito" pitchFamily="2" charset="77"/>
              </a:rPr>
              <a:t>Ayda Lucy Ospina Arias </a:t>
            </a:r>
          </a:p>
          <a:p>
            <a:pPr>
              <a:lnSpc>
                <a:spcPts val="3634"/>
              </a:lnSpc>
            </a:pPr>
            <a:r>
              <a:rPr lang="es-ES_tradnl" sz="3460" spc="259">
                <a:solidFill>
                  <a:srgbClr val="000000"/>
                </a:solidFill>
                <a:latin typeface="Nunito" pitchFamily="2" charset="77"/>
              </a:rPr>
              <a:t>Superintendente de Transporte  </a:t>
            </a:r>
          </a:p>
        </p:txBody>
      </p:sp>
      <p:sp>
        <p:nvSpPr>
          <p:cNvPr id="6" name="TextBox 11">
            <a:extLst>
              <a:ext uri="{FF2B5EF4-FFF2-40B4-BE49-F238E27FC236}">
                <a16:creationId xmlns:a16="http://schemas.microsoft.com/office/drawing/2014/main" id="{3AFD8DE2-6A9F-0E35-25EF-F7F289C71860}"/>
              </a:ext>
            </a:extLst>
          </p:cNvPr>
          <p:cNvSpPr txBox="1"/>
          <p:nvPr/>
        </p:nvSpPr>
        <p:spPr>
          <a:xfrm>
            <a:off x="692093" y="2405872"/>
            <a:ext cx="7232707" cy="3168175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just">
              <a:lnSpc>
                <a:spcPts val="1879"/>
              </a:lnSpc>
              <a:spcBef>
                <a:spcPct val="0"/>
              </a:spcBef>
            </a:pPr>
            <a:endParaRPr lang="es-ES_tradnl" sz="1333">
              <a:latin typeface="Nunito" pitchFamily="2" charset="77"/>
            </a:endParaRP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La actual Superintendente de Transporte, la abogada caldense Ayda Lucy Ospina Arias, es graduada de la Universidad de Caldas. Cuenta con una especialización en Derecho Notarial y Registral de la Universidad Externado de Colombia. </a:t>
            </a: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 </a:t>
            </a:r>
          </a:p>
          <a:p>
            <a:pPr algn="just">
              <a:lnSpc>
                <a:spcPts val="1879"/>
              </a:lnSpc>
              <a:spcBef>
                <a:spcPct val="0"/>
              </a:spcBef>
            </a:pPr>
            <a:r>
              <a:rPr lang="es-ES_tradnl" sz="1600" spc="101">
                <a:solidFill>
                  <a:srgbClr val="000000"/>
                </a:solidFill>
                <a:latin typeface="Nunito" pitchFamily="2" charset="77"/>
              </a:rPr>
              <a:t>Tiene más de 25 años de experiencia en la Administración Pública, se desempeñó desde 2012 hasta 2017 en el Ministerio de Transporte como Asesora del Despacho y Directora Nacional de Transporte y Tránsito. Así mismo, desde el 2008 al 2012, como Subsecretaria de Servicios de Movilidad, Directora de Control y Vigilancia y Directora de Servicio al Ciudadano de la Secretaría Distrital de Movilidad de Bogotá.    </a:t>
            </a:r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89B87C4-A585-7C39-CB75-58A562AB302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91733" y="1721849"/>
            <a:ext cx="3911623" cy="3976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033617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80" y="-4576"/>
            <a:ext cx="12192000" cy="6862576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4957732" y="6626941"/>
            <a:ext cx="201529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200" b="1">
                <a:solidFill>
                  <a:schemeClr val="bg1"/>
                </a:solidFill>
                <a:latin typeface="Abadi" panose="020B0604020104020204" pitchFamily="34" charset="0"/>
              </a:rPr>
              <a:t>www.supertransporte.gov.co</a:t>
            </a: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77C45466-F45F-A96C-9ECB-AF8A6C3DEB7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71361" y="-20425"/>
            <a:ext cx="1823688" cy="1298466"/>
          </a:xfrm>
          <a:prstGeom prst="rect">
            <a:avLst/>
          </a:prstGeom>
        </p:spPr>
      </p:pic>
      <p:pic>
        <p:nvPicPr>
          <p:cNvPr id="3" name="Imagen 2" descr="Diagrama&#10;&#10;Descripción generada automáticamente">
            <a:extLst>
              <a:ext uri="{FF2B5EF4-FFF2-40B4-BE49-F238E27FC236}">
                <a16:creationId xmlns:a16="http://schemas.microsoft.com/office/drawing/2014/main" id="{96880466-C698-0D5F-B62F-1B371FE2ED7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811" y="1622323"/>
            <a:ext cx="4072407" cy="4545573"/>
          </a:xfrm>
          <a:prstGeom prst="rect">
            <a:avLst/>
          </a:prstGeom>
        </p:spPr>
      </p:pic>
      <p:sp>
        <p:nvSpPr>
          <p:cNvPr id="5" name="CuadroTexto 4">
            <a:extLst>
              <a:ext uri="{FF2B5EF4-FFF2-40B4-BE49-F238E27FC236}">
                <a16:creationId xmlns:a16="http://schemas.microsoft.com/office/drawing/2014/main" id="{A5DD9007-1824-0111-8B15-6EBD055F3EBF}"/>
              </a:ext>
            </a:extLst>
          </p:cNvPr>
          <p:cNvSpPr txBox="1"/>
          <p:nvPr/>
        </p:nvSpPr>
        <p:spPr>
          <a:xfrm>
            <a:off x="2153264" y="305899"/>
            <a:ext cx="718738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800" b="1">
                <a:latin typeface="Nunito" pitchFamily="2" charset="0"/>
              </a:rPr>
              <a:t>Estado de los reportes por vigilados - PESV</a:t>
            </a:r>
          </a:p>
        </p:txBody>
      </p:sp>
      <p:sp>
        <p:nvSpPr>
          <p:cNvPr id="6" name="CuadroTexto 5">
            <a:extLst>
              <a:ext uri="{FF2B5EF4-FFF2-40B4-BE49-F238E27FC236}">
                <a16:creationId xmlns:a16="http://schemas.microsoft.com/office/drawing/2014/main" id="{8F758420-9D41-BBA3-15CA-8F229726763B}"/>
              </a:ext>
            </a:extLst>
          </p:cNvPr>
          <p:cNvSpPr txBox="1"/>
          <p:nvPr/>
        </p:nvSpPr>
        <p:spPr>
          <a:xfrm>
            <a:off x="-70679" y="3590179"/>
            <a:ext cx="139803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s-CO" sz="2800" b="1" u="sng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Nunito" pitchFamily="2" charset="0"/>
              </a:rPr>
              <a:t>8.074</a:t>
            </a:r>
          </a:p>
        </p:txBody>
      </p:sp>
      <p:pic>
        <p:nvPicPr>
          <p:cNvPr id="19" name="Imagen 18">
            <a:extLst>
              <a:ext uri="{FF2B5EF4-FFF2-40B4-BE49-F238E27FC236}">
                <a16:creationId xmlns:a16="http://schemas.microsoft.com/office/drawing/2014/main" id="{F933F281-7FA4-0C0F-3B68-853EE737F7F2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301616" y="1622323"/>
            <a:ext cx="7600336" cy="44527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58161526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8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n 12">
            <a:extLst>
              <a:ext uri="{FF2B5EF4-FFF2-40B4-BE49-F238E27FC236}">
                <a16:creationId xmlns:a16="http://schemas.microsoft.com/office/drawing/2014/main" id="{4EEEAA87-AC05-491F-1280-97ABC259668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980" y="-4576"/>
            <a:ext cx="12192000" cy="6862576"/>
          </a:xfrm>
          <a:prstGeom prst="rect">
            <a:avLst/>
          </a:prstGeom>
        </p:spPr>
      </p:pic>
      <p:sp>
        <p:nvSpPr>
          <p:cNvPr id="18" name="CuadroTexto 17">
            <a:extLst>
              <a:ext uri="{FF2B5EF4-FFF2-40B4-BE49-F238E27FC236}">
                <a16:creationId xmlns:a16="http://schemas.microsoft.com/office/drawing/2014/main" id="{64ADBD0B-A579-6715-83E5-1E88E1B9C50A}"/>
              </a:ext>
            </a:extLst>
          </p:cNvPr>
          <p:cNvSpPr txBox="1"/>
          <p:nvPr/>
        </p:nvSpPr>
        <p:spPr>
          <a:xfrm>
            <a:off x="4957732" y="6626941"/>
            <a:ext cx="201529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200" b="1">
                <a:solidFill>
                  <a:schemeClr val="bg1"/>
                </a:solidFill>
                <a:latin typeface="Abadi" panose="020B0604020104020204" pitchFamily="34" charset="0"/>
              </a:rPr>
              <a:t>www.supertransporte.gov.co</a:t>
            </a:r>
          </a:p>
        </p:txBody>
      </p:sp>
      <p:sp>
        <p:nvSpPr>
          <p:cNvPr id="36" name="CuadroTexto 35">
            <a:extLst>
              <a:ext uri="{FF2B5EF4-FFF2-40B4-BE49-F238E27FC236}">
                <a16:creationId xmlns:a16="http://schemas.microsoft.com/office/drawing/2014/main" id="{9862ECC9-7D7B-E21D-1B92-30B4B425F42D}"/>
              </a:ext>
            </a:extLst>
          </p:cNvPr>
          <p:cNvSpPr txBox="1"/>
          <p:nvPr/>
        </p:nvSpPr>
        <p:spPr>
          <a:xfrm>
            <a:off x="2542519" y="214515"/>
            <a:ext cx="742391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2400" b="1">
                <a:ln w="0"/>
                <a:solidFill>
                  <a:schemeClr val="tx1">
                    <a:lumMod val="95000"/>
                    <a:lumOff val="5000"/>
                  </a:schemeClr>
                </a:solidFill>
                <a:effectLst>
                  <a:outerShdw blurRad="38100" dist="25400" dir="5400000" algn="ctr" rotWithShape="0">
                    <a:srgbClr val="6E747A">
                      <a:alpha val="43000"/>
                    </a:srgbClr>
                  </a:outerShdw>
                </a:effectLst>
              </a:rPr>
              <a:t>Planificación de SISI/PESV para la recepción de información</a:t>
            </a:r>
          </a:p>
        </p:txBody>
      </p:sp>
      <p:cxnSp>
        <p:nvCxnSpPr>
          <p:cNvPr id="91" name="OTLSHAPE_M_9b39fefad822441faaec2498033d8bd1_Connector1">
            <a:extLst>
              <a:ext uri="{FF2B5EF4-FFF2-40B4-BE49-F238E27FC236}">
                <a16:creationId xmlns:a16="http://schemas.microsoft.com/office/drawing/2014/main" id="{7EA61E7F-43F9-A3BB-5781-D300F5E7B18B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8008418" y="1429922"/>
            <a:ext cx="0" cy="831118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95" name="OTLSHAPE_M_9b39fefad822441faaec2498033d8bd1_Connector1">
            <a:extLst>
              <a:ext uri="{FF2B5EF4-FFF2-40B4-BE49-F238E27FC236}">
                <a16:creationId xmlns:a16="http://schemas.microsoft.com/office/drawing/2014/main" id="{FFE0E83F-A81E-9F30-82D9-8FDACE2899A3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4727830" y="1525283"/>
            <a:ext cx="0" cy="73109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9b39fefad822441faaec2498033d8bd1_Connector1">
            <a:extLst>
              <a:ext uri="{FF2B5EF4-FFF2-40B4-BE49-F238E27FC236}">
                <a16:creationId xmlns:a16="http://schemas.microsoft.com/office/drawing/2014/main" id="{45B0CFCE-8D07-EF41-4D41-78E52124D04F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3565424" y="1515200"/>
            <a:ext cx="0" cy="745839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graphicFrame>
        <p:nvGraphicFramePr>
          <p:cNvPr id="107" name="Table 2">
            <a:extLst>
              <a:ext uri="{FF2B5EF4-FFF2-40B4-BE49-F238E27FC236}">
                <a16:creationId xmlns:a16="http://schemas.microsoft.com/office/drawing/2014/main" id="{D2F57B4A-EA49-A1E5-9B12-B99E8302CC80}"/>
              </a:ext>
            </a:extLst>
          </p:cNvPr>
          <p:cNvGraphicFramePr>
            <a:graphicFrameLocks noGrp="1"/>
          </p:cNvGraphicFramePr>
          <p:nvPr/>
        </p:nvGraphicFramePr>
        <p:xfrm>
          <a:off x="3459384" y="2234207"/>
          <a:ext cx="8652540" cy="3764222"/>
        </p:xfrm>
        <a:graphic>
          <a:graphicData uri="http://schemas.openxmlformats.org/drawingml/2006/table">
            <a:tbl>
              <a:tblPr firstRow="1" bandRow="1">
                <a:tableStyleId>{F5AB1C69-6EDB-4FF4-983F-18BD219EF322}</a:tableStyleId>
              </a:tblPr>
              <a:tblGrid>
                <a:gridCol w="721045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721045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504967"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Jul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Ago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Sep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Oct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Nov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Dic</a:t>
                      </a:r>
                      <a:r>
                        <a:rPr lang="en-US" sz="1400"/>
                        <a:t>/23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Ene</a:t>
                      </a:r>
                      <a:r>
                        <a:rPr lang="en-US" sz="1400"/>
                        <a:t>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Feb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Mar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err="1"/>
                        <a:t>Abr</a:t>
                      </a:r>
                      <a:r>
                        <a:rPr lang="en-US" sz="1400"/>
                        <a:t>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May/24</a:t>
                      </a:r>
                    </a:p>
                  </a:txBody>
                  <a:tcPr marL="68580" marR="68580" marT="34290" marB="3429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/>
                        <a:t>Jun/24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259255"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pPr algn="ctr"/>
                      <a:endParaRPr lang="en-US" sz="110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sp>
        <p:nvSpPr>
          <p:cNvPr id="118" name="Rectangle 105">
            <a:extLst>
              <a:ext uri="{FF2B5EF4-FFF2-40B4-BE49-F238E27FC236}">
                <a16:creationId xmlns:a16="http://schemas.microsoft.com/office/drawing/2014/main" id="{41395F85-D437-891F-5E81-7C201F2F5FEE}"/>
              </a:ext>
            </a:extLst>
          </p:cNvPr>
          <p:cNvSpPr/>
          <p:nvPr/>
        </p:nvSpPr>
        <p:spPr>
          <a:xfrm>
            <a:off x="3399666" y="3825854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1" name="Rectangle 106">
            <a:extLst>
              <a:ext uri="{FF2B5EF4-FFF2-40B4-BE49-F238E27FC236}">
                <a16:creationId xmlns:a16="http://schemas.microsoft.com/office/drawing/2014/main" id="{EBE8EBA7-AC00-1E1E-BEB5-35DA66B70A03}"/>
              </a:ext>
            </a:extLst>
          </p:cNvPr>
          <p:cNvSpPr/>
          <p:nvPr/>
        </p:nvSpPr>
        <p:spPr>
          <a:xfrm>
            <a:off x="3390804" y="4520662"/>
            <a:ext cx="68580" cy="26421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4" name="Rectangle 107">
            <a:extLst>
              <a:ext uri="{FF2B5EF4-FFF2-40B4-BE49-F238E27FC236}">
                <a16:creationId xmlns:a16="http://schemas.microsoft.com/office/drawing/2014/main" id="{96FDA97B-AF7B-4974-B99F-ABAB5FC0A3C8}"/>
              </a:ext>
            </a:extLst>
          </p:cNvPr>
          <p:cNvSpPr/>
          <p:nvPr/>
        </p:nvSpPr>
        <p:spPr>
          <a:xfrm>
            <a:off x="3390804" y="5141358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27" name="Rectangle 108">
            <a:extLst>
              <a:ext uri="{FF2B5EF4-FFF2-40B4-BE49-F238E27FC236}">
                <a16:creationId xmlns:a16="http://schemas.microsoft.com/office/drawing/2014/main" id="{DFC0AAE9-4200-FC16-CC28-EF7E71EED347}"/>
              </a:ext>
            </a:extLst>
          </p:cNvPr>
          <p:cNvSpPr/>
          <p:nvPr/>
        </p:nvSpPr>
        <p:spPr>
          <a:xfrm>
            <a:off x="3399666" y="3260200"/>
            <a:ext cx="68580" cy="264217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grpSp>
        <p:nvGrpSpPr>
          <p:cNvPr id="200" name="Grupo 199">
            <a:extLst>
              <a:ext uri="{FF2B5EF4-FFF2-40B4-BE49-F238E27FC236}">
                <a16:creationId xmlns:a16="http://schemas.microsoft.com/office/drawing/2014/main" id="{955A865D-56EF-BF28-D18D-B5140C48BF1B}"/>
              </a:ext>
            </a:extLst>
          </p:cNvPr>
          <p:cNvGrpSpPr/>
          <p:nvPr/>
        </p:nvGrpSpPr>
        <p:grpSpPr>
          <a:xfrm>
            <a:off x="8008427" y="1345991"/>
            <a:ext cx="2309905" cy="1073282"/>
            <a:chOff x="7400494" y="1065337"/>
            <a:chExt cx="1765641" cy="1073282"/>
          </a:xfrm>
        </p:grpSpPr>
        <p:sp>
          <p:nvSpPr>
            <p:cNvPr id="93" name="OTLSHAPE_M_9b39fefad822441faaec2498033d8bd1_Shape">
              <a:extLst>
                <a:ext uri="{FF2B5EF4-FFF2-40B4-BE49-F238E27FC236}">
                  <a16:creationId xmlns:a16="http://schemas.microsoft.com/office/drawing/2014/main" id="{9CEDA097-8B79-6079-BB98-567998E0D4DA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398041" y="1067790"/>
              <a:ext cx="199010" cy="194104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94" name="TextBox 115">
              <a:extLst>
                <a:ext uri="{FF2B5EF4-FFF2-40B4-BE49-F238E27FC236}">
                  <a16:creationId xmlns:a16="http://schemas.microsoft.com/office/drawing/2014/main" id="{584CE0AD-AA15-723F-22DA-4E0371DDFF64}"/>
                </a:ext>
              </a:extLst>
            </p:cNvPr>
            <p:cNvSpPr txBox="1"/>
            <p:nvPr/>
          </p:nvSpPr>
          <p:spPr>
            <a:xfrm>
              <a:off x="7513301" y="1199900"/>
              <a:ext cx="1652834" cy="938719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s-CO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16 ene –plazo máximo de reporte de los resultados  de indicadores y evidencias de la anualidad</a:t>
              </a:r>
            </a:p>
          </p:txBody>
        </p:sp>
      </p:grpSp>
      <p:grpSp>
        <p:nvGrpSpPr>
          <p:cNvPr id="199" name="Grupo 198">
            <a:extLst>
              <a:ext uri="{FF2B5EF4-FFF2-40B4-BE49-F238E27FC236}">
                <a16:creationId xmlns:a16="http://schemas.microsoft.com/office/drawing/2014/main" id="{F901A23F-9C1E-3F60-EF80-A229BB04689F}"/>
              </a:ext>
            </a:extLst>
          </p:cNvPr>
          <p:cNvGrpSpPr/>
          <p:nvPr/>
        </p:nvGrpSpPr>
        <p:grpSpPr>
          <a:xfrm>
            <a:off x="4727829" y="1389815"/>
            <a:ext cx="1965055" cy="709668"/>
            <a:chOff x="4119897" y="1025230"/>
            <a:chExt cx="1965055" cy="709668"/>
          </a:xfrm>
        </p:grpSpPr>
        <p:sp>
          <p:nvSpPr>
            <p:cNvPr id="97" name="OTLSHAPE_M_9b39fefad822441faaec2498033d8bd1_Shape">
              <a:extLst>
                <a:ext uri="{FF2B5EF4-FFF2-40B4-BE49-F238E27FC236}">
                  <a16:creationId xmlns:a16="http://schemas.microsoft.com/office/drawing/2014/main" id="{3EFC8438-75B5-5531-45F6-757E0E700D67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4112855" y="1032427"/>
              <a:ext cx="167366" cy="152971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98" name="TextBox 119">
              <a:extLst>
                <a:ext uri="{FF2B5EF4-FFF2-40B4-BE49-F238E27FC236}">
                  <a16:creationId xmlns:a16="http://schemas.microsoft.com/office/drawing/2014/main" id="{ECA22B2C-5B3F-9E4F-242B-22264C89A85E}"/>
                </a:ext>
              </a:extLst>
            </p:cNvPr>
            <p:cNvSpPr txBox="1"/>
            <p:nvPr/>
          </p:nvSpPr>
          <p:spPr>
            <a:xfrm>
              <a:off x="4119897" y="1134734"/>
              <a:ext cx="1965055" cy="600164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n-US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1 Agosto - ST  </a:t>
              </a:r>
              <a:r>
                <a:rPr lang="es-CO" sz="1100" spc="-3">
                  <a:solidFill>
                    <a:schemeClr val="dk1"/>
                  </a:solidFill>
                  <a:latin typeface="Calibri" panose="020F0502020204030204" pitchFamily="34" charset="0"/>
                </a:rPr>
                <a:t>habilita SISI/PESV para diligenciamiento de sujetos obligados</a:t>
              </a:r>
            </a:p>
          </p:txBody>
        </p:sp>
      </p:grpSp>
      <p:grpSp>
        <p:nvGrpSpPr>
          <p:cNvPr id="198" name="Grupo 197">
            <a:extLst>
              <a:ext uri="{FF2B5EF4-FFF2-40B4-BE49-F238E27FC236}">
                <a16:creationId xmlns:a16="http://schemas.microsoft.com/office/drawing/2014/main" id="{B46EC7DA-9BE2-E349-EF5B-5F737928FEE3}"/>
              </a:ext>
            </a:extLst>
          </p:cNvPr>
          <p:cNvGrpSpPr/>
          <p:nvPr/>
        </p:nvGrpSpPr>
        <p:grpSpPr>
          <a:xfrm>
            <a:off x="3548246" y="1363558"/>
            <a:ext cx="1210111" cy="720503"/>
            <a:chOff x="2940314" y="998973"/>
            <a:chExt cx="1210111" cy="720503"/>
          </a:xfrm>
        </p:grpSpPr>
        <p:sp>
          <p:nvSpPr>
            <p:cNvPr id="101" name="OTLSHAPE_M_9b39fefad822441faaec2498033d8bd1_Shape">
              <a:extLst>
                <a:ext uri="{FF2B5EF4-FFF2-40B4-BE49-F238E27FC236}">
                  <a16:creationId xmlns:a16="http://schemas.microsoft.com/office/drawing/2014/main" id="{692B2F6A-01E7-9CAE-7C8C-21F629C0A9AB}"/>
                </a:ext>
              </a:extLst>
            </p:cNvPr>
            <p:cNvSpPr/>
            <p:nvPr>
              <p:custDataLst>
                <p:tags r:id="rId4"/>
              </p:custDataLst>
            </p:nvPr>
          </p:nvSpPr>
          <p:spPr>
            <a:xfrm rot="16200000" flipV="1">
              <a:off x="2957917" y="1001425"/>
              <a:ext cx="199010" cy="1941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400"/>
            </a:p>
          </p:txBody>
        </p:sp>
        <p:sp>
          <p:nvSpPr>
            <p:cNvPr id="102" name="TextBox 123">
              <a:extLst>
                <a:ext uri="{FF2B5EF4-FFF2-40B4-BE49-F238E27FC236}">
                  <a16:creationId xmlns:a16="http://schemas.microsoft.com/office/drawing/2014/main" id="{23C7F857-03AD-D9B1-1024-87E0CF478D62}"/>
                </a:ext>
              </a:extLst>
            </p:cNvPr>
            <p:cNvSpPr txBox="1"/>
            <p:nvPr/>
          </p:nvSpPr>
          <p:spPr>
            <a:xfrm>
              <a:off x="2940314" y="1073145"/>
              <a:ext cx="1210111" cy="646331"/>
            </a:xfrm>
            <a:prstGeom prst="rect">
              <a:avLst/>
            </a:prstGeom>
            <a:noFill/>
          </p:spPr>
          <p:txBody>
            <a:bodyPr wrap="square" rtlCol="0" anchor="t">
              <a:spAutoFit/>
            </a:bodyPr>
            <a:lstStyle/>
            <a:p>
              <a:pPr algn="ctr"/>
              <a:r>
                <a:rPr lang="es-CO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12 jul- plazo  de implementación</a:t>
              </a:r>
              <a:r>
                <a:rPr lang="en-US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 o </a:t>
              </a:r>
              <a:r>
                <a:rPr lang="es-CO" sz="1200" spc="-3">
                  <a:solidFill>
                    <a:schemeClr val="dk1"/>
                  </a:solidFill>
                  <a:latin typeface="Calibri" panose="020F0502020204030204" pitchFamily="34" charset="0"/>
                </a:rPr>
                <a:t>actualización</a:t>
              </a:r>
            </a:p>
          </p:txBody>
        </p:sp>
      </p:grpSp>
      <p:grpSp>
        <p:nvGrpSpPr>
          <p:cNvPr id="197" name="Grupo 196">
            <a:extLst>
              <a:ext uri="{FF2B5EF4-FFF2-40B4-BE49-F238E27FC236}">
                <a16:creationId xmlns:a16="http://schemas.microsoft.com/office/drawing/2014/main" id="{54691705-08B5-E58A-9C28-CFEDCFE5DEF6}"/>
              </a:ext>
            </a:extLst>
          </p:cNvPr>
          <p:cNvGrpSpPr/>
          <p:nvPr/>
        </p:nvGrpSpPr>
        <p:grpSpPr>
          <a:xfrm>
            <a:off x="6153914" y="6050966"/>
            <a:ext cx="888047" cy="261610"/>
            <a:chOff x="5321394" y="5622213"/>
            <a:chExt cx="888047" cy="261610"/>
          </a:xfrm>
        </p:grpSpPr>
        <p:sp>
          <p:nvSpPr>
            <p:cNvPr id="135" name="Rectangle 132">
              <a:extLst>
                <a:ext uri="{FF2B5EF4-FFF2-40B4-BE49-F238E27FC236}">
                  <a16:creationId xmlns:a16="http://schemas.microsoft.com/office/drawing/2014/main" id="{2DCE5E38-CEE0-813D-61A1-F95894D41D4F}"/>
                </a:ext>
              </a:extLst>
            </p:cNvPr>
            <p:cNvSpPr/>
            <p:nvPr/>
          </p:nvSpPr>
          <p:spPr>
            <a:xfrm>
              <a:off x="5321394" y="5668661"/>
              <a:ext cx="201128" cy="169418"/>
            </a:xfrm>
            <a:prstGeom prst="rect">
              <a:avLst/>
            </a:prstGeom>
            <a:solidFill>
              <a:srgbClr val="66FF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36" name="TextBox 133">
              <a:extLst>
                <a:ext uri="{FF2B5EF4-FFF2-40B4-BE49-F238E27FC236}">
                  <a16:creationId xmlns:a16="http://schemas.microsoft.com/office/drawing/2014/main" id="{D4EBEBCF-F922-7513-E412-26A1AF20DFCE}"/>
                </a:ext>
              </a:extLst>
            </p:cNvPr>
            <p:cNvSpPr txBox="1"/>
            <p:nvPr/>
          </p:nvSpPr>
          <p:spPr>
            <a:xfrm>
              <a:off x="5522522" y="5622213"/>
              <a:ext cx="686919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s-CO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Mensual</a:t>
              </a:r>
            </a:p>
          </p:txBody>
        </p:sp>
      </p:grpSp>
      <p:grpSp>
        <p:nvGrpSpPr>
          <p:cNvPr id="196" name="Grupo 195">
            <a:extLst>
              <a:ext uri="{FF2B5EF4-FFF2-40B4-BE49-F238E27FC236}">
                <a16:creationId xmlns:a16="http://schemas.microsoft.com/office/drawing/2014/main" id="{B95D2837-8349-4829-8820-F1CF8A77FD4D}"/>
              </a:ext>
            </a:extLst>
          </p:cNvPr>
          <p:cNvGrpSpPr/>
          <p:nvPr/>
        </p:nvGrpSpPr>
        <p:grpSpPr>
          <a:xfrm>
            <a:off x="7295040" y="6051332"/>
            <a:ext cx="983073" cy="261610"/>
            <a:chOff x="6462520" y="5622579"/>
            <a:chExt cx="983073" cy="261610"/>
          </a:xfrm>
        </p:grpSpPr>
        <p:sp>
          <p:nvSpPr>
            <p:cNvPr id="141" name="Rectangle 132">
              <a:extLst>
                <a:ext uri="{FF2B5EF4-FFF2-40B4-BE49-F238E27FC236}">
                  <a16:creationId xmlns:a16="http://schemas.microsoft.com/office/drawing/2014/main" id="{8892E693-1D1C-AFBB-F8A6-2FFB720124F4}"/>
                </a:ext>
              </a:extLst>
            </p:cNvPr>
            <p:cNvSpPr/>
            <p:nvPr/>
          </p:nvSpPr>
          <p:spPr>
            <a:xfrm>
              <a:off x="6462520" y="5668675"/>
              <a:ext cx="201128" cy="169418"/>
            </a:xfrm>
            <a:prstGeom prst="rect">
              <a:avLst/>
            </a:prstGeom>
            <a:solidFill>
              <a:srgbClr val="FF66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42" name="TextBox 133">
              <a:extLst>
                <a:ext uri="{FF2B5EF4-FFF2-40B4-BE49-F238E27FC236}">
                  <a16:creationId xmlns:a16="http://schemas.microsoft.com/office/drawing/2014/main" id="{0B45D21E-37E6-6190-926B-8E9902A19BC6}"/>
                </a:ext>
              </a:extLst>
            </p:cNvPr>
            <p:cNvSpPr txBox="1"/>
            <p:nvPr/>
          </p:nvSpPr>
          <p:spPr>
            <a:xfrm>
              <a:off x="6663648" y="5622579"/>
              <a:ext cx="781945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Trimestral</a:t>
              </a:r>
            </a:p>
          </p:txBody>
        </p:sp>
      </p:grpSp>
      <p:grpSp>
        <p:nvGrpSpPr>
          <p:cNvPr id="195" name="Grupo 194">
            <a:extLst>
              <a:ext uri="{FF2B5EF4-FFF2-40B4-BE49-F238E27FC236}">
                <a16:creationId xmlns:a16="http://schemas.microsoft.com/office/drawing/2014/main" id="{6A76E03B-CC70-5AF2-85B9-BB15A18811AC}"/>
              </a:ext>
            </a:extLst>
          </p:cNvPr>
          <p:cNvGrpSpPr/>
          <p:nvPr/>
        </p:nvGrpSpPr>
        <p:grpSpPr>
          <a:xfrm>
            <a:off x="8404219" y="6050966"/>
            <a:ext cx="723707" cy="261610"/>
            <a:chOff x="7571699" y="5622213"/>
            <a:chExt cx="723707" cy="261610"/>
          </a:xfrm>
        </p:grpSpPr>
        <p:sp>
          <p:nvSpPr>
            <p:cNvPr id="144" name="Rectangle 132">
              <a:extLst>
                <a:ext uri="{FF2B5EF4-FFF2-40B4-BE49-F238E27FC236}">
                  <a16:creationId xmlns:a16="http://schemas.microsoft.com/office/drawing/2014/main" id="{33BE7392-4C3C-0B4B-26AB-2AD2670CDD45}"/>
                </a:ext>
              </a:extLst>
            </p:cNvPr>
            <p:cNvSpPr/>
            <p:nvPr/>
          </p:nvSpPr>
          <p:spPr>
            <a:xfrm>
              <a:off x="7571699" y="5668309"/>
              <a:ext cx="201128" cy="169418"/>
            </a:xfrm>
            <a:prstGeom prst="rect">
              <a:avLst/>
            </a:prstGeom>
            <a:solidFill>
              <a:schemeClr val="accent4">
                <a:lumMod val="60000"/>
                <a:lumOff val="4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45" name="TextBox 133">
              <a:extLst>
                <a:ext uri="{FF2B5EF4-FFF2-40B4-BE49-F238E27FC236}">
                  <a16:creationId xmlns:a16="http://schemas.microsoft.com/office/drawing/2014/main" id="{F43FBA54-6B9A-33F5-3A96-42BF566ECC51}"/>
                </a:ext>
              </a:extLst>
            </p:cNvPr>
            <p:cNvSpPr txBox="1"/>
            <p:nvPr/>
          </p:nvSpPr>
          <p:spPr>
            <a:xfrm>
              <a:off x="7772827" y="5622213"/>
              <a:ext cx="522579" cy="261610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s-CO" sz="1100" b="1" spc="-3">
                  <a:solidFill>
                    <a:schemeClr val="dk1"/>
                  </a:solidFill>
                  <a:latin typeface="Calibri" panose="020F0502020204030204" pitchFamily="34" charset="0"/>
                </a:rPr>
                <a:t>Anual</a:t>
              </a:r>
            </a:p>
          </p:txBody>
        </p:sp>
      </p:grpSp>
      <p:cxnSp>
        <p:nvCxnSpPr>
          <p:cNvPr id="147" name="Conector recto 146">
            <a:extLst>
              <a:ext uri="{FF2B5EF4-FFF2-40B4-BE49-F238E27FC236}">
                <a16:creationId xmlns:a16="http://schemas.microsoft.com/office/drawing/2014/main" id="{69F7E0CD-D05A-493E-7200-861567988464}"/>
              </a:ext>
            </a:extLst>
          </p:cNvPr>
          <p:cNvCxnSpPr/>
          <p:nvPr/>
        </p:nvCxnSpPr>
        <p:spPr>
          <a:xfrm>
            <a:off x="2367895" y="3346323"/>
            <a:ext cx="280934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8" name="Diagrama de flujo: terminador 147">
            <a:extLst>
              <a:ext uri="{FF2B5EF4-FFF2-40B4-BE49-F238E27FC236}">
                <a16:creationId xmlns:a16="http://schemas.microsoft.com/office/drawing/2014/main" id="{015E6B21-3033-4064-96D9-D547E2CDF56B}"/>
              </a:ext>
            </a:extLst>
          </p:cNvPr>
          <p:cNvSpPr/>
          <p:nvPr/>
        </p:nvSpPr>
        <p:spPr>
          <a:xfrm>
            <a:off x="4320155" y="3241604"/>
            <a:ext cx="1207340" cy="209436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highlight>
                <a:srgbClr val="FFCE00"/>
              </a:highlight>
            </a:endParaRPr>
          </a:p>
        </p:txBody>
      </p:sp>
      <p:cxnSp>
        <p:nvCxnSpPr>
          <p:cNvPr id="154" name="Conector recto 153">
            <a:extLst>
              <a:ext uri="{FF2B5EF4-FFF2-40B4-BE49-F238E27FC236}">
                <a16:creationId xmlns:a16="http://schemas.microsoft.com/office/drawing/2014/main" id="{EE025608-5068-DDE0-2EE5-515B8EF0E1FA}"/>
              </a:ext>
            </a:extLst>
          </p:cNvPr>
          <p:cNvCxnSpPr>
            <a:cxnSpLocks/>
          </p:cNvCxnSpPr>
          <p:nvPr/>
        </p:nvCxnSpPr>
        <p:spPr>
          <a:xfrm flipV="1">
            <a:off x="2391686" y="3968330"/>
            <a:ext cx="9719139" cy="13559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Diagrama de flujo: terminador 148">
            <a:extLst>
              <a:ext uri="{FF2B5EF4-FFF2-40B4-BE49-F238E27FC236}">
                <a16:creationId xmlns:a16="http://schemas.microsoft.com/office/drawing/2014/main" id="{CFCBDDBC-DD7F-A857-0877-1198C743F9CC}"/>
              </a:ext>
            </a:extLst>
          </p:cNvPr>
          <p:cNvSpPr/>
          <p:nvPr/>
        </p:nvSpPr>
        <p:spPr>
          <a:xfrm>
            <a:off x="5707162" y="3882516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50" name="Diagrama de flujo: terminador 149">
            <a:extLst>
              <a:ext uri="{FF2B5EF4-FFF2-40B4-BE49-F238E27FC236}">
                <a16:creationId xmlns:a16="http://schemas.microsoft.com/office/drawing/2014/main" id="{18095E2A-15A1-EE88-5880-ECB1F68A43A7}"/>
              </a:ext>
            </a:extLst>
          </p:cNvPr>
          <p:cNvSpPr/>
          <p:nvPr/>
        </p:nvSpPr>
        <p:spPr>
          <a:xfrm>
            <a:off x="5946435" y="387188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cxnSp>
        <p:nvCxnSpPr>
          <p:cNvPr id="158" name="Conector recto 157">
            <a:extLst>
              <a:ext uri="{FF2B5EF4-FFF2-40B4-BE49-F238E27FC236}">
                <a16:creationId xmlns:a16="http://schemas.microsoft.com/office/drawing/2014/main" id="{255668C3-92FE-0E58-A22B-26DB9D9E0219}"/>
              </a:ext>
            </a:extLst>
          </p:cNvPr>
          <p:cNvCxnSpPr>
            <a:cxnSpLocks/>
          </p:cNvCxnSpPr>
          <p:nvPr/>
        </p:nvCxnSpPr>
        <p:spPr>
          <a:xfrm>
            <a:off x="2360800" y="4663134"/>
            <a:ext cx="9744029" cy="48566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Diagrama de flujo: terminador 159">
            <a:extLst>
              <a:ext uri="{FF2B5EF4-FFF2-40B4-BE49-F238E27FC236}">
                <a16:creationId xmlns:a16="http://schemas.microsoft.com/office/drawing/2014/main" id="{4DB4C697-BD16-961A-8F86-3EA08712B5C8}"/>
              </a:ext>
            </a:extLst>
          </p:cNvPr>
          <p:cNvSpPr/>
          <p:nvPr/>
        </p:nvSpPr>
        <p:spPr>
          <a:xfrm>
            <a:off x="7779546" y="3875869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1" name="Diagrama de flujo: terminador 160">
            <a:extLst>
              <a:ext uri="{FF2B5EF4-FFF2-40B4-BE49-F238E27FC236}">
                <a16:creationId xmlns:a16="http://schemas.microsoft.com/office/drawing/2014/main" id="{C20FF5E4-A4B1-B551-DECB-2B66A5993464}"/>
              </a:ext>
            </a:extLst>
          </p:cNvPr>
          <p:cNvSpPr/>
          <p:nvPr/>
        </p:nvSpPr>
        <p:spPr>
          <a:xfrm>
            <a:off x="8002469" y="3875869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2" name="Diagrama de flujo: terminador 161">
            <a:extLst>
              <a:ext uri="{FF2B5EF4-FFF2-40B4-BE49-F238E27FC236}">
                <a16:creationId xmlns:a16="http://schemas.microsoft.com/office/drawing/2014/main" id="{A6976932-5380-F183-63CD-8A3F438589F2}"/>
              </a:ext>
            </a:extLst>
          </p:cNvPr>
          <p:cNvSpPr/>
          <p:nvPr/>
        </p:nvSpPr>
        <p:spPr>
          <a:xfrm>
            <a:off x="5077661" y="3875870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3" name="Diagrama de flujo: terminador 162">
            <a:extLst>
              <a:ext uri="{FF2B5EF4-FFF2-40B4-BE49-F238E27FC236}">
                <a16:creationId xmlns:a16="http://schemas.microsoft.com/office/drawing/2014/main" id="{39B26E13-39A9-CFBD-5E2B-5F508EDD25B9}"/>
              </a:ext>
            </a:extLst>
          </p:cNvPr>
          <p:cNvSpPr/>
          <p:nvPr/>
        </p:nvSpPr>
        <p:spPr>
          <a:xfrm>
            <a:off x="6526344" y="3899847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4" name="Diagrama de flujo: terminador 163">
            <a:extLst>
              <a:ext uri="{FF2B5EF4-FFF2-40B4-BE49-F238E27FC236}">
                <a16:creationId xmlns:a16="http://schemas.microsoft.com/office/drawing/2014/main" id="{505EE4ED-FA91-89D7-0911-73D1A50B060D}"/>
              </a:ext>
            </a:extLst>
          </p:cNvPr>
          <p:cNvSpPr/>
          <p:nvPr/>
        </p:nvSpPr>
        <p:spPr>
          <a:xfrm>
            <a:off x="9464093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5" name="Diagrama de flujo: terminador 164">
            <a:extLst>
              <a:ext uri="{FF2B5EF4-FFF2-40B4-BE49-F238E27FC236}">
                <a16:creationId xmlns:a16="http://schemas.microsoft.com/office/drawing/2014/main" id="{9EED7947-1F17-0F80-8416-07879783D3E7}"/>
              </a:ext>
            </a:extLst>
          </p:cNvPr>
          <p:cNvSpPr/>
          <p:nvPr/>
        </p:nvSpPr>
        <p:spPr>
          <a:xfrm>
            <a:off x="8753430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6" name="Diagrama de flujo: terminador 165">
            <a:extLst>
              <a:ext uri="{FF2B5EF4-FFF2-40B4-BE49-F238E27FC236}">
                <a16:creationId xmlns:a16="http://schemas.microsoft.com/office/drawing/2014/main" id="{81E477DF-4048-76C9-E6A3-43F911C3D6DC}"/>
              </a:ext>
            </a:extLst>
          </p:cNvPr>
          <p:cNvSpPr/>
          <p:nvPr/>
        </p:nvSpPr>
        <p:spPr>
          <a:xfrm>
            <a:off x="7314257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7" name="Diagrama de flujo: terminador 166">
            <a:extLst>
              <a:ext uri="{FF2B5EF4-FFF2-40B4-BE49-F238E27FC236}">
                <a16:creationId xmlns:a16="http://schemas.microsoft.com/office/drawing/2014/main" id="{D3E352DF-26A9-D33A-F2B7-9E1CF24CA848}"/>
              </a:ext>
            </a:extLst>
          </p:cNvPr>
          <p:cNvSpPr/>
          <p:nvPr/>
        </p:nvSpPr>
        <p:spPr>
          <a:xfrm>
            <a:off x="10265162" y="3882516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8" name="Diagrama de flujo: terminador 167">
            <a:extLst>
              <a:ext uri="{FF2B5EF4-FFF2-40B4-BE49-F238E27FC236}">
                <a16:creationId xmlns:a16="http://schemas.microsoft.com/office/drawing/2014/main" id="{04C66D9E-E4D3-0F92-F9C4-16B5E6A21B69}"/>
              </a:ext>
            </a:extLst>
          </p:cNvPr>
          <p:cNvSpPr/>
          <p:nvPr/>
        </p:nvSpPr>
        <p:spPr>
          <a:xfrm>
            <a:off x="11608296" y="388945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69" name="Diagrama de flujo: terminador 168">
            <a:extLst>
              <a:ext uri="{FF2B5EF4-FFF2-40B4-BE49-F238E27FC236}">
                <a16:creationId xmlns:a16="http://schemas.microsoft.com/office/drawing/2014/main" id="{7A27F854-3668-0735-1E58-D16213C45BAD}"/>
              </a:ext>
            </a:extLst>
          </p:cNvPr>
          <p:cNvSpPr/>
          <p:nvPr/>
        </p:nvSpPr>
        <p:spPr>
          <a:xfrm>
            <a:off x="10870379" y="3896353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71" name="Diagrama de flujo: terminador 170">
            <a:extLst>
              <a:ext uri="{FF2B5EF4-FFF2-40B4-BE49-F238E27FC236}">
                <a16:creationId xmlns:a16="http://schemas.microsoft.com/office/drawing/2014/main" id="{A95AFA83-017F-E714-2081-051D8488FED9}"/>
              </a:ext>
            </a:extLst>
          </p:cNvPr>
          <p:cNvSpPr/>
          <p:nvPr/>
        </p:nvSpPr>
        <p:spPr>
          <a:xfrm>
            <a:off x="10051941" y="3878581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51" name="Diagrama de flujo: terminador 150">
            <a:extLst>
              <a:ext uri="{FF2B5EF4-FFF2-40B4-BE49-F238E27FC236}">
                <a16:creationId xmlns:a16="http://schemas.microsoft.com/office/drawing/2014/main" id="{7A608DC9-509A-797E-26A7-8F31D03D1BE2}"/>
              </a:ext>
            </a:extLst>
          </p:cNvPr>
          <p:cNvSpPr/>
          <p:nvPr/>
        </p:nvSpPr>
        <p:spPr>
          <a:xfrm>
            <a:off x="8215224" y="3882516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79" name="Diagrama de flujo: terminador 178">
            <a:extLst>
              <a:ext uri="{FF2B5EF4-FFF2-40B4-BE49-F238E27FC236}">
                <a16:creationId xmlns:a16="http://schemas.microsoft.com/office/drawing/2014/main" id="{FD23C126-42F1-301B-B5F0-03DD41394B51}"/>
              </a:ext>
            </a:extLst>
          </p:cNvPr>
          <p:cNvSpPr/>
          <p:nvPr/>
        </p:nvSpPr>
        <p:spPr>
          <a:xfrm>
            <a:off x="8001664" y="4599542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>
              <a:highlight>
                <a:srgbClr val="FFCE00"/>
              </a:highlight>
            </a:endParaRPr>
          </a:p>
        </p:txBody>
      </p:sp>
      <p:cxnSp>
        <p:nvCxnSpPr>
          <p:cNvPr id="180" name="Conector recto 179">
            <a:extLst>
              <a:ext uri="{FF2B5EF4-FFF2-40B4-BE49-F238E27FC236}">
                <a16:creationId xmlns:a16="http://schemas.microsoft.com/office/drawing/2014/main" id="{D1F69814-6E59-C70F-05EA-D82FC17D8154}"/>
              </a:ext>
            </a:extLst>
          </p:cNvPr>
          <p:cNvCxnSpPr>
            <a:cxnSpLocks/>
          </p:cNvCxnSpPr>
          <p:nvPr/>
        </p:nvCxnSpPr>
        <p:spPr>
          <a:xfrm flipV="1">
            <a:off x="2390513" y="5226198"/>
            <a:ext cx="9719139" cy="13559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1" name="Diagrama de flujo: terminador 180">
            <a:extLst>
              <a:ext uri="{FF2B5EF4-FFF2-40B4-BE49-F238E27FC236}">
                <a16:creationId xmlns:a16="http://schemas.microsoft.com/office/drawing/2014/main" id="{A4275E48-0F34-1921-A13F-748BAF8F4AD0}"/>
              </a:ext>
            </a:extLst>
          </p:cNvPr>
          <p:cNvSpPr/>
          <p:nvPr/>
        </p:nvSpPr>
        <p:spPr>
          <a:xfrm>
            <a:off x="5709434" y="5140384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2" name="Diagrama de flujo: terminador 181">
            <a:extLst>
              <a:ext uri="{FF2B5EF4-FFF2-40B4-BE49-F238E27FC236}">
                <a16:creationId xmlns:a16="http://schemas.microsoft.com/office/drawing/2014/main" id="{22B5045E-A51C-74AE-1FF0-E8C209603FC2}"/>
              </a:ext>
            </a:extLst>
          </p:cNvPr>
          <p:cNvSpPr/>
          <p:nvPr/>
        </p:nvSpPr>
        <p:spPr>
          <a:xfrm>
            <a:off x="5948707" y="512975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3" name="Diagrama de flujo: terminador 182">
            <a:extLst>
              <a:ext uri="{FF2B5EF4-FFF2-40B4-BE49-F238E27FC236}">
                <a16:creationId xmlns:a16="http://schemas.microsoft.com/office/drawing/2014/main" id="{EB95E37E-2112-59BB-0E92-243AC106F88D}"/>
              </a:ext>
            </a:extLst>
          </p:cNvPr>
          <p:cNvSpPr/>
          <p:nvPr/>
        </p:nvSpPr>
        <p:spPr>
          <a:xfrm>
            <a:off x="7781818" y="5133737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4" name="Diagrama de flujo: terminador 183">
            <a:extLst>
              <a:ext uri="{FF2B5EF4-FFF2-40B4-BE49-F238E27FC236}">
                <a16:creationId xmlns:a16="http://schemas.microsoft.com/office/drawing/2014/main" id="{0A39AFAF-1726-FA4A-7590-BB238D8B420A}"/>
              </a:ext>
            </a:extLst>
          </p:cNvPr>
          <p:cNvSpPr/>
          <p:nvPr/>
        </p:nvSpPr>
        <p:spPr>
          <a:xfrm>
            <a:off x="8004741" y="5133737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5" name="Diagrama de flujo: terminador 184">
            <a:extLst>
              <a:ext uri="{FF2B5EF4-FFF2-40B4-BE49-F238E27FC236}">
                <a16:creationId xmlns:a16="http://schemas.microsoft.com/office/drawing/2014/main" id="{2EEA6FCE-3BC8-B18E-ED49-2BD95F15A548}"/>
              </a:ext>
            </a:extLst>
          </p:cNvPr>
          <p:cNvSpPr/>
          <p:nvPr/>
        </p:nvSpPr>
        <p:spPr>
          <a:xfrm>
            <a:off x="5077661" y="5133738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6" name="Diagrama de flujo: terminador 185">
            <a:extLst>
              <a:ext uri="{FF2B5EF4-FFF2-40B4-BE49-F238E27FC236}">
                <a16:creationId xmlns:a16="http://schemas.microsoft.com/office/drawing/2014/main" id="{D284600F-4BC6-C270-C1BF-DE6E01D5FA96}"/>
              </a:ext>
            </a:extLst>
          </p:cNvPr>
          <p:cNvSpPr/>
          <p:nvPr/>
        </p:nvSpPr>
        <p:spPr>
          <a:xfrm>
            <a:off x="6528616" y="5157715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7" name="Diagrama de flujo: terminador 186">
            <a:extLst>
              <a:ext uri="{FF2B5EF4-FFF2-40B4-BE49-F238E27FC236}">
                <a16:creationId xmlns:a16="http://schemas.microsoft.com/office/drawing/2014/main" id="{D01F4E7A-CA05-4C83-1237-B50A973FC32E}"/>
              </a:ext>
            </a:extLst>
          </p:cNvPr>
          <p:cNvSpPr/>
          <p:nvPr/>
        </p:nvSpPr>
        <p:spPr>
          <a:xfrm>
            <a:off x="9466365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8" name="Diagrama de flujo: terminador 187">
            <a:extLst>
              <a:ext uri="{FF2B5EF4-FFF2-40B4-BE49-F238E27FC236}">
                <a16:creationId xmlns:a16="http://schemas.microsoft.com/office/drawing/2014/main" id="{26A3FD88-77F1-5DAA-396D-DA2481035BA6}"/>
              </a:ext>
            </a:extLst>
          </p:cNvPr>
          <p:cNvSpPr/>
          <p:nvPr/>
        </p:nvSpPr>
        <p:spPr>
          <a:xfrm>
            <a:off x="8755702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89" name="Diagrama de flujo: terminador 188">
            <a:extLst>
              <a:ext uri="{FF2B5EF4-FFF2-40B4-BE49-F238E27FC236}">
                <a16:creationId xmlns:a16="http://schemas.microsoft.com/office/drawing/2014/main" id="{2F5666B0-EAD3-BBE1-2D9C-7B817B9033C9}"/>
              </a:ext>
            </a:extLst>
          </p:cNvPr>
          <p:cNvSpPr/>
          <p:nvPr/>
        </p:nvSpPr>
        <p:spPr>
          <a:xfrm>
            <a:off x="7316529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0" name="Diagrama de flujo: terminador 189">
            <a:extLst>
              <a:ext uri="{FF2B5EF4-FFF2-40B4-BE49-F238E27FC236}">
                <a16:creationId xmlns:a16="http://schemas.microsoft.com/office/drawing/2014/main" id="{02B554E5-BAB6-F84A-7B3E-983BF10FB974}"/>
              </a:ext>
            </a:extLst>
          </p:cNvPr>
          <p:cNvSpPr/>
          <p:nvPr/>
        </p:nvSpPr>
        <p:spPr>
          <a:xfrm>
            <a:off x="10267434" y="5140384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1" name="Diagrama de flujo: terminador 190">
            <a:extLst>
              <a:ext uri="{FF2B5EF4-FFF2-40B4-BE49-F238E27FC236}">
                <a16:creationId xmlns:a16="http://schemas.microsoft.com/office/drawing/2014/main" id="{30F7751F-AC10-A136-F5AF-5BCCEA543EAF}"/>
              </a:ext>
            </a:extLst>
          </p:cNvPr>
          <p:cNvSpPr/>
          <p:nvPr/>
        </p:nvSpPr>
        <p:spPr>
          <a:xfrm>
            <a:off x="11610568" y="514732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2" name="Diagrama de flujo: terminador 191">
            <a:extLst>
              <a:ext uri="{FF2B5EF4-FFF2-40B4-BE49-F238E27FC236}">
                <a16:creationId xmlns:a16="http://schemas.microsoft.com/office/drawing/2014/main" id="{7162BA68-1051-69EC-B64B-DF8621FF794F}"/>
              </a:ext>
            </a:extLst>
          </p:cNvPr>
          <p:cNvSpPr/>
          <p:nvPr/>
        </p:nvSpPr>
        <p:spPr>
          <a:xfrm>
            <a:off x="10872651" y="5154221"/>
            <a:ext cx="317931" cy="173087"/>
          </a:xfrm>
          <a:prstGeom prst="flowChartTerminator">
            <a:avLst/>
          </a:prstGeom>
          <a:solidFill>
            <a:srgbClr val="66FFFF"/>
          </a:solidFill>
          <a:ln>
            <a:solidFill>
              <a:srgbClr val="66FF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3" name="Diagrama de flujo: terminador 192">
            <a:extLst>
              <a:ext uri="{FF2B5EF4-FFF2-40B4-BE49-F238E27FC236}">
                <a16:creationId xmlns:a16="http://schemas.microsoft.com/office/drawing/2014/main" id="{F4289B35-6027-986F-D6C7-089FD3A3B8C0}"/>
              </a:ext>
            </a:extLst>
          </p:cNvPr>
          <p:cNvSpPr/>
          <p:nvPr/>
        </p:nvSpPr>
        <p:spPr>
          <a:xfrm>
            <a:off x="10054213" y="5136449"/>
            <a:ext cx="317931" cy="173087"/>
          </a:xfrm>
          <a:prstGeom prst="flowChartTerminator">
            <a:avLst/>
          </a:prstGeom>
          <a:solidFill>
            <a:srgbClr val="FF66FF"/>
          </a:solidFill>
          <a:ln>
            <a:solidFill>
              <a:srgbClr val="FF66FF"/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194" name="Diagrama de flujo: terminador 193">
            <a:extLst>
              <a:ext uri="{FF2B5EF4-FFF2-40B4-BE49-F238E27FC236}">
                <a16:creationId xmlns:a16="http://schemas.microsoft.com/office/drawing/2014/main" id="{DE72053F-627A-6A34-A254-20DE26EA461F}"/>
              </a:ext>
            </a:extLst>
          </p:cNvPr>
          <p:cNvSpPr/>
          <p:nvPr/>
        </p:nvSpPr>
        <p:spPr>
          <a:xfrm>
            <a:off x="8217496" y="5140384"/>
            <a:ext cx="317931" cy="173087"/>
          </a:xfrm>
          <a:prstGeom prst="flowChartTerminator">
            <a:avLst/>
          </a:prstGeom>
          <a:solidFill>
            <a:schemeClr val="accent4">
              <a:lumMod val="60000"/>
              <a:lumOff val="40000"/>
            </a:schemeClr>
          </a:solidFill>
          <a:ln>
            <a:solidFill>
              <a:schemeClr val="accent4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graphicFrame>
        <p:nvGraphicFramePr>
          <p:cNvPr id="108" name="Table 94">
            <a:extLst>
              <a:ext uri="{FF2B5EF4-FFF2-40B4-BE49-F238E27FC236}">
                <a16:creationId xmlns:a16="http://schemas.microsoft.com/office/drawing/2014/main" id="{4AC2D530-F59F-55BD-46F2-C9604D112BB4}"/>
              </a:ext>
            </a:extLst>
          </p:cNvPr>
          <p:cNvGraphicFramePr>
            <a:graphicFrameLocks noGrp="1"/>
          </p:cNvGraphicFramePr>
          <p:nvPr/>
        </p:nvGraphicFramePr>
        <p:xfrm>
          <a:off x="2327152" y="3031459"/>
          <a:ext cx="984644" cy="2564514"/>
        </p:xfrm>
        <a:graphic>
          <a:graphicData uri="http://schemas.openxmlformats.org/drawingml/2006/table">
            <a:tbl>
              <a:tblPr firstRow="1" bandRow="1">
                <a:tableStyleId>{306799F8-075E-4A3A-A7F6-7FBC6576F1A4}</a:tableStyleId>
              </a:tblPr>
              <a:tblGrid>
                <a:gridCol w="98464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640700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Formulario 1 </a:t>
                      </a:r>
                      <a:r>
                        <a:rPr lang="es-CO" sz="1100" b="0" noProof="0">
                          <a:solidFill>
                            <a:sysClr val="windowText" lastClr="000000"/>
                          </a:solidFill>
                        </a:rPr>
                        <a:t>(actualización PESV)</a:t>
                      </a:r>
                      <a:endParaRPr lang="es-CO" sz="1200" b="0" noProof="0">
                        <a:solidFill>
                          <a:sysClr val="windowText" lastClr="000000"/>
                        </a:solidFill>
                      </a:endParaRP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641557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Indicadores periódicos 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641557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Indicadores acumulados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640700">
                <a:tc>
                  <a:txBody>
                    <a:bodyPr/>
                    <a:lstStyle/>
                    <a:p>
                      <a:pPr algn="ctr"/>
                      <a:r>
                        <a:rPr lang="es-CO" sz="1200" b="1" noProof="0">
                          <a:solidFill>
                            <a:sysClr val="windowText" lastClr="000000"/>
                          </a:solidFill>
                        </a:rPr>
                        <a:t>Evidencias</a:t>
                      </a:r>
                    </a:p>
                  </a:txBody>
                  <a:tcPr marL="68580" marR="68580" marT="34290" marB="34290" anchor="ctr"/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</a:tbl>
          </a:graphicData>
        </a:graphic>
      </p:graphicFrame>
      <p:sp>
        <p:nvSpPr>
          <p:cNvPr id="210" name="Rectángulo: esquinas redondeadas 209">
            <a:extLst>
              <a:ext uri="{FF2B5EF4-FFF2-40B4-BE49-F238E27FC236}">
                <a16:creationId xmlns:a16="http://schemas.microsoft.com/office/drawing/2014/main" id="{3D56462F-6B1D-1302-7F91-F2D6EE82740E}"/>
              </a:ext>
            </a:extLst>
          </p:cNvPr>
          <p:cNvSpPr/>
          <p:nvPr/>
        </p:nvSpPr>
        <p:spPr>
          <a:xfrm>
            <a:off x="545911" y="1948326"/>
            <a:ext cx="1651380" cy="1198314"/>
          </a:xfrm>
          <a:prstGeom prst="roundRect">
            <a:avLst>
              <a:gd name="adj" fmla="val 44305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100">
                <a:solidFill>
                  <a:schemeClr val="tx1"/>
                </a:solidFill>
              </a:rPr>
              <a:t>Cada anualidad se iniciará un nuevo ciclo de reporte para el seguimiento del PESV</a:t>
            </a:r>
          </a:p>
        </p:txBody>
      </p:sp>
      <p:pic>
        <p:nvPicPr>
          <p:cNvPr id="1026" name="Picture 2" descr="icono actualizar o volver a cargar. Tres flechas redondas de rotación  verdes aisladas sobre blanco. Icono plano. Icono de intercambio. Bueno para  interfaces web y de software. Cíclico Imagen Vector de stock -">
            <a:extLst>
              <a:ext uri="{FF2B5EF4-FFF2-40B4-BE49-F238E27FC236}">
                <a16:creationId xmlns:a16="http://schemas.microsoft.com/office/drawing/2014/main" id="{5F12E729-0DBA-B135-1A96-8C0EF7BB81C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0">
            <a:biLevel thresh="75000"/>
            <a:extLst>
              <a:ext uri="{BEBA8EAE-BF5A-486C-A8C5-ECC9F3942E4B}">
                <a14:imgProps xmlns:a14="http://schemas.microsoft.com/office/drawing/2010/main">
                  <a14:imgLayer r:embed="rId11">
                    <a14:imgEffect>
                      <a14:backgroundRemoval t="26835" b="70216" l="24462" r="70846">
                        <a14:foregroundMark x1="27308" y1="39568" x2="27308" y2="39568"/>
                        <a14:foregroundMark x1="24923" y1="40432" x2="24923" y2="40432"/>
                        <a14:foregroundMark x1="38077" y1="36906" x2="38077" y2="36906"/>
                        <a14:foregroundMark x1="45615" y1="29424" x2="62000" y2="33669"/>
                        <a14:foregroundMark x1="62000" y1="33669" x2="57308" y2="37770"/>
                        <a14:foregroundMark x1="49308" y1="27266" x2="49308" y2="27266"/>
                        <a14:foregroundMark x1="65308" y1="38633" x2="65308" y2="38633"/>
                        <a14:foregroundMark x1="69000" y1="34748" x2="69000" y2="34748"/>
                        <a14:foregroundMark x1="69000" y1="32950" x2="59692" y2="40000"/>
                        <a14:foregroundMark x1="69000" y1="30791" x2="69000" y2="30791"/>
                        <a14:foregroundMark x1="69000" y1="30791" x2="69000" y2="30791"/>
                        <a14:foregroundMark x1="70923" y1="32086" x2="70923" y2="32086"/>
                        <a14:foregroundMark x1="34308" y1="45252" x2="34308" y2="45252"/>
                        <a14:foregroundMark x1="34308" y1="40432" x2="34231" y2="55755"/>
                        <a14:foregroundMark x1="34231" y1="55755" x2="38538" y2="59281"/>
                        <a14:foregroundMark x1="49846" y1="64532" x2="65308" y2="58129"/>
                        <a14:foregroundMark x1="65308" y1="58129" x2="64846" y2="58849"/>
                        <a14:foregroundMark x1="48846" y1="61007" x2="48846" y2="61007"/>
                        <a14:foregroundMark x1="52154" y1="59281" x2="47462" y2="64101"/>
                        <a14:foregroundMark x1="54000" y1="70216" x2="54000" y2="70216"/>
                      </a14:backgroundRemoval>
                    </a14:imgEffect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3701" t="24213" r="26521" b="26384"/>
          <a:stretch/>
        </p:blipFill>
        <p:spPr bwMode="auto">
          <a:xfrm>
            <a:off x="120128" y="1562105"/>
            <a:ext cx="474612" cy="49079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11" name="Rectángulo: esquinas redondeadas 210">
            <a:extLst>
              <a:ext uri="{FF2B5EF4-FFF2-40B4-BE49-F238E27FC236}">
                <a16:creationId xmlns:a16="http://schemas.microsoft.com/office/drawing/2014/main" id="{DF9BBDB0-6340-F203-09C9-F7782205EE5E}"/>
              </a:ext>
            </a:extLst>
          </p:cNvPr>
          <p:cNvSpPr/>
          <p:nvPr/>
        </p:nvSpPr>
        <p:spPr>
          <a:xfrm>
            <a:off x="522965" y="3379665"/>
            <a:ext cx="1651380" cy="1198314"/>
          </a:xfrm>
          <a:prstGeom prst="roundRect">
            <a:avLst>
              <a:gd name="adj" fmla="val 44305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s-CO" sz="1100">
                <a:solidFill>
                  <a:schemeClr val="tx1"/>
                </a:solidFill>
              </a:rPr>
              <a:t>El plazo máximo para cada reporte será </a:t>
            </a:r>
            <a:r>
              <a:rPr lang="es-CO" sz="1400" b="1">
                <a:solidFill>
                  <a:schemeClr val="tx1"/>
                </a:solidFill>
              </a:rPr>
              <a:t>el décimo día hábil del mes</a:t>
            </a:r>
            <a:endParaRPr lang="es-CO" sz="1100" b="1">
              <a:solidFill>
                <a:schemeClr val="tx1"/>
              </a:solidFill>
            </a:endParaRPr>
          </a:p>
        </p:txBody>
      </p:sp>
      <p:sp>
        <p:nvSpPr>
          <p:cNvPr id="212" name="Rectángulo: esquinas redondeadas 211">
            <a:extLst>
              <a:ext uri="{FF2B5EF4-FFF2-40B4-BE49-F238E27FC236}">
                <a16:creationId xmlns:a16="http://schemas.microsoft.com/office/drawing/2014/main" id="{AAA1A417-6816-126E-501A-12867C5EC723}"/>
              </a:ext>
            </a:extLst>
          </p:cNvPr>
          <p:cNvSpPr/>
          <p:nvPr/>
        </p:nvSpPr>
        <p:spPr>
          <a:xfrm>
            <a:off x="545910" y="4805609"/>
            <a:ext cx="1628863" cy="1482894"/>
          </a:xfrm>
          <a:prstGeom prst="roundRect">
            <a:avLst>
              <a:gd name="adj" fmla="val 39460"/>
            </a:avLst>
          </a:prstGeom>
          <a:solidFill>
            <a:schemeClr val="accent6">
              <a:lumMod val="40000"/>
              <a:lumOff val="60000"/>
            </a:schemeClr>
          </a:solidFill>
          <a:ln>
            <a:solidFill>
              <a:schemeClr val="accent6">
                <a:lumMod val="75000"/>
              </a:schemeClr>
            </a:solidFill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160463"/>
            <a:r>
              <a:rPr lang="es-CO" sz="1100">
                <a:solidFill>
                  <a:schemeClr val="tx1"/>
                </a:solidFill>
              </a:rPr>
              <a:t>Después del primer reporte. la ST habilitará el SISI/PESV </a:t>
            </a:r>
            <a:r>
              <a:rPr lang="es-CO" sz="1200" b="1">
                <a:solidFill>
                  <a:schemeClr val="tx1"/>
                </a:solidFill>
              </a:rPr>
              <a:t>el primer día hábil de cada mes </a:t>
            </a:r>
            <a:r>
              <a:rPr lang="es-CO" sz="1100">
                <a:solidFill>
                  <a:schemeClr val="tx1"/>
                </a:solidFill>
              </a:rPr>
              <a:t>para los respectivos reportes</a:t>
            </a:r>
            <a:endParaRPr lang="es-CO" sz="1100" b="1">
              <a:solidFill>
                <a:schemeClr val="tx1"/>
              </a:solidFill>
            </a:endParaRPr>
          </a:p>
        </p:txBody>
      </p:sp>
      <p:pic>
        <p:nvPicPr>
          <p:cNvPr id="214" name="Gráfico 213" descr="Futuro con relleno sólido">
            <a:extLst>
              <a:ext uri="{FF2B5EF4-FFF2-40B4-BE49-F238E27FC236}">
                <a16:creationId xmlns:a16="http://schemas.microsoft.com/office/drawing/2014/main" id="{AF36E512-EACC-6995-BF0A-BB9790C4A4C5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95756" y="3011084"/>
            <a:ext cx="523356" cy="523356"/>
          </a:xfrm>
          <a:prstGeom prst="rect">
            <a:avLst/>
          </a:prstGeom>
        </p:spPr>
      </p:pic>
      <p:pic>
        <p:nvPicPr>
          <p:cNvPr id="216" name="Gráfico 215" descr="Calendario giratorio con relleno sólido">
            <a:extLst>
              <a:ext uri="{FF2B5EF4-FFF2-40B4-BE49-F238E27FC236}">
                <a16:creationId xmlns:a16="http://schemas.microsoft.com/office/drawing/2014/main" id="{074E13C2-7F12-14D7-FB60-8FA9978C65D3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99827" y="4476166"/>
            <a:ext cx="557996" cy="557996"/>
          </a:xfrm>
          <a:prstGeom prst="rect">
            <a:avLst/>
          </a:prstGeom>
        </p:spPr>
      </p:pic>
      <p:pic>
        <p:nvPicPr>
          <p:cNvPr id="2" name="Imagen 1">
            <a:extLst>
              <a:ext uri="{FF2B5EF4-FFF2-40B4-BE49-F238E27FC236}">
                <a16:creationId xmlns:a16="http://schemas.microsoft.com/office/drawing/2014/main" id="{6E9840D8-30FC-E6C9-C4E2-3374CA611401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9071361" y="-20425"/>
            <a:ext cx="1823688" cy="12984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9509389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 descr="Forma, Rectángulo&#10;&#10;Descripción generada automáticamente con confianza media">
            <a:extLst>
              <a:ext uri="{FF2B5EF4-FFF2-40B4-BE49-F238E27FC236}">
                <a16:creationId xmlns:a16="http://schemas.microsoft.com/office/drawing/2014/main" id="{95787BDA-6732-66E5-E338-E3ED6953446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2" y="3"/>
            <a:ext cx="12192000" cy="6861127"/>
          </a:xfrm>
          <a:prstGeom prst="rect">
            <a:avLst/>
          </a:prstGeom>
        </p:spPr>
      </p:pic>
      <p:sp>
        <p:nvSpPr>
          <p:cNvPr id="51" name="CuadroTexto 50">
            <a:extLst>
              <a:ext uri="{FF2B5EF4-FFF2-40B4-BE49-F238E27FC236}">
                <a16:creationId xmlns:a16="http://schemas.microsoft.com/office/drawing/2014/main" id="{F2D39E95-F3CA-421B-BBDC-DD6958399C47}"/>
              </a:ext>
            </a:extLst>
          </p:cNvPr>
          <p:cNvSpPr txBox="1"/>
          <p:nvPr/>
        </p:nvSpPr>
        <p:spPr>
          <a:xfrm>
            <a:off x="4566966" y="6617681"/>
            <a:ext cx="3058068" cy="3231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CO" sz="15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Nunito"/>
              </a:rPr>
              <a:t>www.supertransporte.gov.co</a:t>
            </a:r>
          </a:p>
        </p:txBody>
      </p:sp>
      <p:pic>
        <p:nvPicPr>
          <p:cNvPr id="5" name="Imagen 4">
            <a:extLst>
              <a:ext uri="{FF2B5EF4-FFF2-40B4-BE49-F238E27FC236}">
                <a16:creationId xmlns:a16="http://schemas.microsoft.com/office/drawing/2014/main" id="{571403F9-5AD7-4E85-E9FE-104A80B2FDF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ackgroundRemoval t="18750" b="92448" l="16105" r="69839">
                        <a14:foregroundMark x1="26794" y1="45964" x2="22840" y2="46094"/>
                        <a14:foregroundMark x1="22840" y1="46094" x2="19180" y2="51302"/>
                        <a14:foregroundMark x1="19180" y1="51302" x2="17570" y2="59635"/>
                        <a14:foregroundMark x1="17570" y1="59635" x2="20351" y2="65625"/>
                        <a14:foregroundMark x1="20351" y1="65625" x2="24817" y2="67708"/>
                        <a14:foregroundMark x1="24817" y1="67708" x2="29941" y2="65495"/>
                        <a14:foregroundMark x1="29941" y1="65495" x2="29356" y2="52995"/>
                        <a14:foregroundMark x1="29356" y1="52995" x2="24817" y2="48698"/>
                        <a14:foregroundMark x1="24817" y1="48698" x2="22474" y2="58333"/>
                        <a14:foregroundMark x1="22474" y1="58333" x2="25842" y2="52604"/>
                        <a14:foregroundMark x1="25842" y1="52604" x2="24597" y2="52734"/>
                        <a14:foregroundMark x1="18228" y1="50651" x2="18594" y2="58203"/>
                        <a14:foregroundMark x1="18594" y1="58203" x2="24963" y2="59505"/>
                        <a14:foregroundMark x1="24963" y1="59505" x2="21523" y2="51172"/>
                        <a14:foregroundMark x1="21523" y1="51172" x2="20644" y2="55078"/>
                        <a14:foregroundMark x1="23353" y1="62109" x2="27745" y2="58594"/>
                        <a14:foregroundMark x1="27745" y1="58594" x2="23792" y2="61979"/>
                        <a14:foregroundMark x1="23792" y1="61979" x2="23572" y2="61589"/>
                        <a14:foregroundMark x1="25695" y1="24219" x2="29649" y2="24219"/>
                        <a14:foregroundMark x1="29649" y1="24219" x2="25695" y2="22526"/>
                        <a14:foregroundMark x1="25695" y1="22526" x2="25110" y2="24740"/>
                        <a14:foregroundMark x1="27526" y1="72396" x2="32504" y2="83073"/>
                        <a14:foregroundMark x1="32504" y1="83073" x2="34919" y2="84635"/>
                        <a14:foregroundMark x1="32796" y1="75260" x2="26867" y2="70833"/>
                        <a14:foregroundMark x1="26867" y1="70833" x2="25842" y2="81380"/>
                        <a14:foregroundMark x1="25842" y1="81380" x2="30747" y2="84635"/>
                        <a14:foregroundMark x1="30747" y1="84635" x2="33675" y2="84635"/>
                        <a14:foregroundMark x1="34334" y1="77604" x2="34334" y2="77604"/>
                        <a14:foregroundMark x1="33089" y1="74349" x2="26940" y2="70573"/>
                        <a14:foregroundMark x1="26940" y1="70573" x2="25403" y2="78385"/>
                        <a14:foregroundMark x1="25403" y1="78385" x2="25183" y2="88672"/>
                        <a14:foregroundMark x1="25183" y1="88672" x2="30747" y2="87109"/>
                        <a14:foregroundMark x1="30747" y1="87109" x2="35798" y2="88281"/>
                        <a14:foregroundMark x1="59370" y1="22266" x2="59370" y2="22266"/>
                        <a14:foregroundMark x1="62592" y1="23438" x2="57613" y2="23047"/>
                        <a14:foregroundMark x1="57613" y1="23047" x2="53441" y2="26302"/>
                        <a14:foregroundMark x1="53441" y1="26302" x2="58199" y2="31380"/>
                        <a14:foregroundMark x1="58199" y1="31380" x2="64934" y2="30990"/>
                        <a14:foregroundMark x1="64934" y1="30990" x2="58199" y2="23828"/>
                        <a14:foregroundMark x1="58199" y1="23828" x2="53294" y2="25911"/>
                        <a14:foregroundMark x1="53294" y1="25911" x2="51391" y2="32943"/>
                        <a14:foregroundMark x1="51391" y1="32943" x2="59663" y2="33854"/>
                        <a14:foregroundMark x1="59663" y1="33854" x2="65373" y2="31510"/>
                        <a14:foregroundMark x1="65373" y1="31510" x2="64056" y2="21354"/>
                        <a14:foregroundMark x1="64056" y1="21354" x2="51977" y2="21354"/>
                        <a14:foregroundMark x1="51977" y1="21354" x2="48755" y2="27734"/>
                        <a14:foregroundMark x1="48755" y1="27734" x2="47950" y2="27344"/>
                        <a14:foregroundMark x1="54100" y1="32161" x2="54100" y2="32161"/>
                        <a14:foregroundMark x1="65007" y1="50000" x2="67130" y2="44010"/>
                        <a14:foregroundMark x1="67130" y1="44010" x2="62225" y2="42318"/>
                        <a14:foregroundMark x1="62225" y1="42318" x2="58126" y2="43490"/>
                        <a14:foregroundMark x1="58126" y1="43490" x2="56589" y2="50651"/>
                        <a14:foregroundMark x1="56589" y1="50651" x2="63397" y2="53255"/>
                        <a14:foregroundMark x1="63397" y1="53255" x2="69912" y2="51432"/>
                        <a14:foregroundMark x1="69912" y1="51432" x2="63543" y2="44401"/>
                        <a14:foregroundMark x1="63543" y1="44401" x2="59883" y2="48307"/>
                        <a14:foregroundMark x1="59883" y1="48307" x2="57028" y2="48307"/>
                        <a14:foregroundMark x1="66984" y1="62240" x2="62811" y2="63021"/>
                        <a14:foregroundMark x1="62811" y1="63021" x2="67277" y2="64714"/>
                        <a14:foregroundMark x1="67277" y1="64714" x2="56149" y2="65234"/>
                        <a14:foregroundMark x1="56149" y1="65234" x2="55344" y2="65755"/>
                        <a14:foregroundMark x1="55198" y1="65755" x2="55710" y2="69792"/>
                        <a14:foregroundMark x1="55710" y1="62760" x2="55198" y2="63021"/>
                        <a14:foregroundMark x1="55564" y1="61198" x2="55564" y2="61198"/>
                        <a14:foregroundMark x1="55564" y1="46745" x2="55564" y2="46745"/>
                        <a14:foregroundMark x1="55564" y1="46745" x2="55564" y2="46745"/>
                        <a14:foregroundMark x1="55564" y1="46745" x2="55564" y2="46745"/>
                        <a14:foregroundMark x1="58053" y1="80078" x2="49854" y2="82943"/>
                        <a14:foregroundMark x1="49854" y1="82943" x2="54466" y2="87630"/>
                        <a14:foregroundMark x1="54466" y1="87630" x2="58712" y2="86068"/>
                        <a14:foregroundMark x1="58712" y1="86068" x2="53880" y2="81380"/>
                        <a14:foregroundMark x1="53880" y1="81380" x2="50146" y2="86979"/>
                        <a14:foregroundMark x1="50146" y1="86979" x2="60395" y2="88932"/>
                        <a14:foregroundMark x1="60395" y1="88932" x2="57174" y2="79688"/>
                        <a14:foregroundMark x1="57174" y1="79688" x2="50512" y2="79688"/>
                        <a14:foregroundMark x1="50512" y1="79688" x2="48975" y2="86198"/>
                        <a14:foregroundMark x1="48975" y1="86198" x2="47438" y2="84375"/>
                        <a14:foregroundMark x1="55564" y1="59245" x2="56223" y2="66536"/>
                        <a14:foregroundMark x1="56223" y1="66536" x2="55417" y2="70443"/>
                        <a14:foregroundMark x1="54832" y1="46615" x2="56076" y2="53906"/>
                        <a14:foregroundMark x1="56076" y1="53906" x2="56076" y2="54036"/>
                        <a14:foregroundMark x1="51611" y1="62109" x2="51611" y2="62109"/>
                        <a14:foregroundMark x1="50293" y1="61849" x2="46413" y2="30729"/>
                        <a14:foregroundMark x1="46413" y1="30729" x2="37335" y2="24479"/>
                        <a14:foregroundMark x1="37335" y1="24479" x2="32430" y2="25260"/>
                        <a14:foregroundMark x1="32430" y1="25260" x2="28477" y2="28255"/>
                        <a14:foregroundMark x1="28477" y1="28255" x2="19473" y2="47266"/>
                        <a14:foregroundMark x1="19473" y1="47266" x2="17423" y2="60807"/>
                        <a14:foregroundMark x1="17423" y1="60807" x2="18302" y2="78385"/>
                        <a14:foregroundMark x1="18302" y1="78385" x2="28697" y2="86458"/>
                        <a14:foregroundMark x1="28697" y1="86458" x2="48243" y2="87500"/>
                        <a14:foregroundMark x1="48243" y1="87500" x2="54539" y2="83333"/>
                        <a14:foregroundMark x1="54539" y1="83333" x2="60176" y2="61589"/>
                        <a14:foregroundMark x1="60176" y1="61589" x2="58053" y2="43880"/>
                        <a14:foregroundMark x1="58053" y1="43880" x2="55783" y2="36068"/>
                        <a14:foregroundMark x1="55783" y1="36068" x2="54246" y2="33203"/>
                        <a14:foregroundMark x1="45827" y1="20964" x2="23426" y2="21875"/>
                        <a14:foregroundMark x1="23426" y1="21875" x2="20132" y2="32031"/>
                        <a14:foregroundMark x1="20132" y1="32031" x2="17716" y2="81771"/>
                        <a14:foregroundMark x1="17716" y1="81771" x2="24305" y2="85677"/>
                        <a14:foregroundMark x1="24305" y1="85677" x2="29356" y2="92578"/>
                        <a14:foregroundMark x1="29356" y1="92578" x2="34407" y2="93750"/>
                        <a14:foregroundMark x1="34407" y1="93750" x2="30161" y2="94531"/>
                        <a14:foregroundMark x1="30161" y1="94531" x2="33163" y2="89193"/>
                        <a14:foregroundMark x1="33163" y1="89193" x2="38067" y2="87891"/>
                        <a14:foregroundMark x1="38067" y1="87891" x2="40337" y2="88932"/>
                        <a14:foregroundMark x1="18594" y1="37109" x2="18960" y2="23438"/>
                        <a14:foregroundMark x1="48170" y1="20313" x2="20059" y2="20443"/>
                        <a14:foregroundMark x1="20059" y1="20443" x2="16691" y2="29948"/>
                        <a14:foregroundMark x1="16691" y1="29948" x2="16252" y2="42057"/>
                        <a14:foregroundMark x1="16252" y1="42057" x2="18082" y2="35026"/>
                        <a14:foregroundMark x1="18082" y1="35026" x2="17936" y2="24089"/>
                        <a14:foregroundMark x1="17936" y1="24089" x2="21669" y2="21224"/>
                        <a14:foregroundMark x1="17570" y1="46354" x2="18228" y2="55599"/>
                        <a14:foregroundMark x1="18228" y1="55599" x2="16471" y2="72786"/>
                        <a14:foregroundMark x1="16471" y1="72786" x2="18594" y2="89453"/>
                        <a14:foregroundMark x1="18594" y1="89453" x2="37116" y2="90104"/>
                        <a14:foregroundMark x1="37116" y1="90104" x2="42460" y2="89844"/>
                        <a14:foregroundMark x1="42460" y1="89844" x2="45974" y2="89844"/>
                        <a14:foregroundMark x1="61201" y1="76693" x2="61201" y2="76693"/>
                        <a14:foregroundMark x1="58053" y1="75651" x2="62592" y2="76042"/>
                        <a14:foregroundMark x1="62592" y1="76042" x2="63104" y2="83464"/>
                        <a14:foregroundMark x1="63104" y1="83464" x2="62445" y2="88932"/>
                        <a14:foregroundMark x1="62445" y1="90885" x2="62445" y2="90885"/>
                        <a14:foregroundMark x1="62592" y1="88802" x2="62592" y2="91146"/>
                        <a14:foregroundMark x1="57394" y1="37760" x2="61347" y2="37630"/>
                        <a14:foregroundMark x1="61347" y1="37630" x2="57687" y2="37370"/>
                        <a14:foregroundMark x1="47950" y1="92057" x2="56808" y2="92969"/>
                        <a14:foregroundMark x1="56808" y1="92969" x2="61054" y2="92057"/>
                        <a14:foregroundMark x1="61054" y1="92057" x2="62372" y2="92448"/>
                        <a14:foregroundMark x1="17057" y1="90104" x2="17789" y2="66146"/>
                        <a14:foregroundMark x1="17789" y1="66146" x2="16252" y2="47526"/>
                        <a14:foregroundMark x1="16252" y1="47526" x2="17204" y2="22656"/>
                        <a14:foregroundMark x1="17204" y1="22656" x2="27086" y2="18750"/>
                        <a14:foregroundMark x1="27086" y1="18750" x2="48536" y2="20703"/>
                        <a14:foregroundMark x1="17057" y1="20964" x2="16032" y2="30729"/>
                        <a14:foregroundMark x1="16032" y1="30729" x2="16105" y2="23438"/>
                        <a14:foregroundMark x1="16105" y1="23438" x2="17716" y2="21354"/>
                        <a14:foregroundMark x1="16252" y1="56641" x2="16471" y2="89063"/>
                        <a14:foregroundMark x1="16471" y1="89063" x2="16252" y2="88932"/>
                        <a14:foregroundMark x1="21303" y1="55599" x2="29063" y2="58854"/>
                      </a14:backgroundRemoval>
                    </a14:imgEffect>
                  </a14:imgLayer>
                </a14:imgProps>
              </a:ext>
            </a:extLst>
          </a:blip>
          <a:srcRect l="24838" t="18564" r="30336" b="7302"/>
          <a:stretch/>
        </p:blipFill>
        <p:spPr>
          <a:xfrm>
            <a:off x="4299284" y="-7994"/>
            <a:ext cx="6796501" cy="6697838"/>
          </a:xfrm>
          <a:prstGeom prst="rect">
            <a:avLst/>
          </a:prstGeom>
        </p:spPr>
      </p:pic>
      <p:sp>
        <p:nvSpPr>
          <p:cNvPr id="20" name="Elipse 19">
            <a:extLst>
              <a:ext uri="{FF2B5EF4-FFF2-40B4-BE49-F238E27FC236}">
                <a16:creationId xmlns:a16="http://schemas.microsoft.com/office/drawing/2014/main" id="{C39DA8BB-D2CF-2534-EB2D-FE90AE5D21F5}"/>
              </a:ext>
            </a:extLst>
          </p:cNvPr>
          <p:cNvSpPr/>
          <p:nvPr/>
        </p:nvSpPr>
        <p:spPr>
          <a:xfrm>
            <a:off x="3384885" y="2238032"/>
            <a:ext cx="1844842" cy="2197769"/>
          </a:xfrm>
          <a:prstGeom prst="ellips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21" name="CuadroTexto 20">
            <a:extLst>
              <a:ext uri="{FF2B5EF4-FFF2-40B4-BE49-F238E27FC236}">
                <a16:creationId xmlns:a16="http://schemas.microsoft.com/office/drawing/2014/main" id="{C6778A8A-9E32-5712-B098-18577C17AC30}"/>
              </a:ext>
            </a:extLst>
          </p:cNvPr>
          <p:cNvSpPr txBox="1"/>
          <p:nvPr/>
        </p:nvSpPr>
        <p:spPr>
          <a:xfrm>
            <a:off x="459872" y="1905506"/>
            <a:ext cx="3379538" cy="30469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3200" b="1"/>
              <a:t>Definiciones claves para los Planes Estratégicos de Seguridad Vial y su categorización en el PI/PESV</a:t>
            </a:r>
          </a:p>
        </p:txBody>
      </p:sp>
    </p:spTree>
    <p:extLst>
      <p:ext uri="{BB962C8B-B14F-4D97-AF65-F5344CB8AC3E}">
        <p14:creationId xmlns:p14="http://schemas.microsoft.com/office/powerpoint/2010/main" val="20577136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n 2">
            <a:extLst>
              <a:ext uri="{FF2B5EF4-FFF2-40B4-BE49-F238E27FC236}">
                <a16:creationId xmlns:a16="http://schemas.microsoft.com/office/drawing/2014/main" id="{71E32790-832B-5449-7CC0-36D10491367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0"/>
            <a:ext cx="12192001" cy="6858000"/>
          </a:xfrm>
          <a:prstGeom prst="rect">
            <a:avLst/>
          </a:prstGeom>
        </p:spPr>
      </p:pic>
      <p:sp>
        <p:nvSpPr>
          <p:cNvPr id="4" name="Rectángulo 3">
            <a:extLst>
              <a:ext uri="{FF2B5EF4-FFF2-40B4-BE49-F238E27FC236}">
                <a16:creationId xmlns:a16="http://schemas.microsoft.com/office/drawing/2014/main" id="{432EDF05-2DB3-2A45-2F05-37BFB53EA5E7}"/>
              </a:ext>
            </a:extLst>
          </p:cNvPr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dk1">
              <a:alpha val="64042"/>
            </a:schemeClr>
          </a:solidFill>
        </p:spPr>
        <p:style>
          <a:lnRef idx="2">
            <a:schemeClr val="dk1">
              <a:shade val="15000"/>
            </a:schemeClr>
          </a:lnRef>
          <a:fillRef idx="1">
            <a:schemeClr val="dk1"/>
          </a:fillRef>
          <a:effectRef idx="0">
            <a:schemeClr val="dk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18" name="Imagen 17">
            <a:extLst>
              <a:ext uri="{FF2B5EF4-FFF2-40B4-BE49-F238E27FC236}">
                <a16:creationId xmlns:a16="http://schemas.microsoft.com/office/drawing/2014/main" id="{7E2E2D49-81C3-0992-2344-3C8898A1ED5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21000" y="903224"/>
            <a:ext cx="6350000" cy="452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49124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object 3"/>
          <p:cNvGrpSpPr/>
          <p:nvPr/>
        </p:nvGrpSpPr>
        <p:grpSpPr>
          <a:xfrm>
            <a:off x="119072" y="2353444"/>
            <a:ext cx="4205079" cy="3867443"/>
            <a:chOff x="161217" y="2634036"/>
            <a:chExt cx="4205079" cy="3252101"/>
          </a:xfrm>
        </p:grpSpPr>
        <p:pic>
          <p:nvPicPr>
            <p:cNvPr id="4" name="object 4"/>
            <p:cNvPicPr/>
            <p:nvPr/>
          </p:nvPicPr>
          <p:blipFill>
            <a:blip r:embed="rId2" cstate="print"/>
            <a:stretch>
              <a:fillRect/>
            </a:stretch>
          </p:blipFill>
          <p:spPr>
            <a:xfrm>
              <a:off x="161217" y="2634036"/>
              <a:ext cx="2550985" cy="2753931"/>
            </a:xfrm>
            <a:prstGeom prst="rect">
              <a:avLst/>
            </a:prstGeom>
          </p:spPr>
        </p:pic>
        <p:pic>
          <p:nvPicPr>
            <p:cNvPr id="5" name="object 5"/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2599726" y="2642730"/>
              <a:ext cx="1766570" cy="2731108"/>
            </a:xfrm>
            <a:prstGeom prst="rect">
              <a:avLst/>
            </a:prstGeom>
          </p:spPr>
        </p:pic>
        <p:sp>
          <p:nvSpPr>
            <p:cNvPr id="9" name="object 9"/>
            <p:cNvSpPr/>
            <p:nvPr/>
          </p:nvSpPr>
          <p:spPr>
            <a:xfrm>
              <a:off x="212554" y="5415737"/>
              <a:ext cx="4153742" cy="470400"/>
            </a:xfrm>
            <a:custGeom>
              <a:avLst/>
              <a:gdLst/>
              <a:ahLst/>
              <a:cxnLst/>
              <a:rect l="l" t="t" r="r" b="b"/>
              <a:pathLst>
                <a:path w="4550410" h="340995">
                  <a:moveTo>
                    <a:pt x="4427283" y="0"/>
                  </a:moveTo>
                  <a:lnTo>
                    <a:pt x="4427283" y="85172"/>
                  </a:lnTo>
                  <a:lnTo>
                    <a:pt x="122895" y="85172"/>
                  </a:lnTo>
                  <a:lnTo>
                    <a:pt x="122895" y="0"/>
                  </a:lnTo>
                  <a:lnTo>
                    <a:pt x="0" y="170338"/>
                  </a:lnTo>
                  <a:lnTo>
                    <a:pt x="122895" y="340676"/>
                  </a:lnTo>
                  <a:lnTo>
                    <a:pt x="122895" y="255511"/>
                  </a:lnTo>
                  <a:lnTo>
                    <a:pt x="4427283" y="255511"/>
                  </a:lnTo>
                  <a:lnTo>
                    <a:pt x="4427283" y="340676"/>
                  </a:lnTo>
                  <a:lnTo>
                    <a:pt x="4550178" y="170338"/>
                  </a:lnTo>
                  <a:lnTo>
                    <a:pt x="4427283" y="0"/>
                  </a:lnTo>
                  <a:close/>
                </a:path>
              </a:pathLst>
            </a:custGeom>
            <a:solidFill>
              <a:srgbClr val="C00000"/>
            </a:solidFill>
          </p:spPr>
          <p:txBody>
            <a:bodyPr wrap="square" lIns="0" tIns="0" rIns="0" bIns="0" rtlCol="0" anchor="ctr"/>
            <a:lstStyle/>
            <a:p>
              <a:pPr algn="ctr"/>
              <a:r>
                <a:rPr lang="es-ES" sz="1600" b="1">
                  <a:solidFill>
                    <a:schemeClr val="bg1"/>
                  </a:solidFill>
                </a:rPr>
                <a:t>Estabilidad macroeconómica</a:t>
              </a:r>
              <a:endParaRPr sz="1600" b="1">
                <a:solidFill>
                  <a:schemeClr val="bg1"/>
                </a:solidFill>
              </a:endParaRPr>
            </a:p>
          </p:txBody>
        </p:sp>
      </p:grpSp>
      <p:sp>
        <p:nvSpPr>
          <p:cNvPr id="14" name="object 14"/>
          <p:cNvSpPr/>
          <p:nvPr/>
        </p:nvSpPr>
        <p:spPr>
          <a:xfrm>
            <a:off x="189031" y="1567029"/>
            <a:ext cx="4135120" cy="537845"/>
          </a:xfrm>
          <a:custGeom>
            <a:avLst/>
            <a:gdLst/>
            <a:ahLst/>
            <a:cxnLst/>
            <a:rect l="l" t="t" r="r" b="b"/>
            <a:pathLst>
              <a:path w="4135120" h="537844">
                <a:moveTo>
                  <a:pt x="0" y="89577"/>
                </a:moveTo>
                <a:lnTo>
                  <a:pt x="7039" y="54709"/>
                </a:lnTo>
                <a:lnTo>
                  <a:pt x="26236" y="26236"/>
                </a:lnTo>
                <a:lnTo>
                  <a:pt x="54709" y="7039"/>
                </a:lnTo>
                <a:lnTo>
                  <a:pt x="89576" y="0"/>
                </a:lnTo>
                <a:lnTo>
                  <a:pt x="4045158" y="0"/>
                </a:lnTo>
                <a:lnTo>
                  <a:pt x="4080025" y="7039"/>
                </a:lnTo>
                <a:lnTo>
                  <a:pt x="4108498" y="26236"/>
                </a:lnTo>
                <a:lnTo>
                  <a:pt x="4127695" y="54709"/>
                </a:lnTo>
                <a:lnTo>
                  <a:pt x="4134735" y="89577"/>
                </a:lnTo>
                <a:lnTo>
                  <a:pt x="4134735" y="447885"/>
                </a:lnTo>
                <a:lnTo>
                  <a:pt x="4127695" y="482752"/>
                </a:lnTo>
                <a:lnTo>
                  <a:pt x="4108498" y="511225"/>
                </a:lnTo>
                <a:lnTo>
                  <a:pt x="4080025" y="530422"/>
                </a:lnTo>
                <a:lnTo>
                  <a:pt x="4045158" y="537462"/>
                </a:lnTo>
                <a:lnTo>
                  <a:pt x="89576" y="537462"/>
                </a:lnTo>
                <a:lnTo>
                  <a:pt x="54709" y="530422"/>
                </a:lnTo>
                <a:lnTo>
                  <a:pt x="26236" y="511225"/>
                </a:lnTo>
                <a:lnTo>
                  <a:pt x="7039" y="482752"/>
                </a:lnTo>
                <a:lnTo>
                  <a:pt x="0" y="447885"/>
                </a:lnTo>
                <a:lnTo>
                  <a:pt x="0" y="89577"/>
                </a:lnTo>
                <a:close/>
              </a:path>
            </a:pathLst>
          </a:custGeom>
          <a:solidFill>
            <a:srgbClr val="D9723E"/>
          </a:solidFill>
          <a:ln w="12700">
            <a:solidFill>
              <a:srgbClr val="ED7D31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object 15"/>
          <p:cNvSpPr txBox="1"/>
          <p:nvPr/>
        </p:nvSpPr>
        <p:spPr>
          <a:xfrm>
            <a:off x="527611" y="1627417"/>
            <a:ext cx="3457575" cy="385445"/>
          </a:xfrm>
          <a:prstGeom prst="rect">
            <a:avLst/>
          </a:prstGeom>
        </p:spPr>
        <p:txBody>
          <a:bodyPr vert="horz" wrap="square" lIns="0" tIns="23495" rIns="0" bIns="0" rtlCol="0">
            <a:spAutoFit/>
          </a:bodyPr>
          <a:lstStyle/>
          <a:p>
            <a:pPr marL="12700" marR="5080" indent="219710">
              <a:lnSpc>
                <a:spcPts val="1390"/>
              </a:lnSpc>
              <a:spcBef>
                <a:spcPts val="185"/>
              </a:spcBef>
            </a:pPr>
            <a:r>
              <a:rPr sz="1200" b="1" spc="30">
                <a:solidFill>
                  <a:schemeClr val="bg1"/>
                </a:solidFill>
                <a:latin typeface="Trebuchet MS"/>
                <a:cs typeface="Trebuchet MS"/>
              </a:rPr>
              <a:t>Plan </a:t>
            </a:r>
            <a:r>
              <a:rPr sz="1200" b="1" spc="5">
                <a:solidFill>
                  <a:schemeClr val="bg1"/>
                </a:solidFill>
                <a:latin typeface="Trebuchet MS"/>
                <a:cs typeface="Trebuchet MS"/>
              </a:rPr>
              <a:t>Nacional </a:t>
            </a:r>
            <a:r>
              <a:rPr sz="1200" b="1" spc="-10">
                <a:solidFill>
                  <a:schemeClr val="bg1"/>
                </a:solidFill>
                <a:latin typeface="Trebuchet MS"/>
                <a:cs typeface="Trebuchet MS"/>
              </a:rPr>
              <a:t>de </a:t>
            </a:r>
            <a:r>
              <a:rPr sz="1200" b="1" spc="15">
                <a:solidFill>
                  <a:schemeClr val="bg1"/>
                </a:solidFill>
                <a:latin typeface="Trebuchet MS"/>
                <a:cs typeface="Trebuchet MS"/>
              </a:rPr>
              <a:t>Desarrollo </a:t>
            </a:r>
            <a:r>
              <a:rPr sz="1200" b="1" spc="155">
                <a:solidFill>
                  <a:schemeClr val="bg1"/>
                </a:solidFill>
                <a:latin typeface="Trebuchet MS"/>
                <a:cs typeface="Trebuchet MS"/>
              </a:rPr>
              <a:t>– </a:t>
            </a:r>
            <a:r>
              <a:rPr sz="1200" b="1" spc="30">
                <a:solidFill>
                  <a:schemeClr val="bg1"/>
                </a:solidFill>
                <a:latin typeface="Trebuchet MS"/>
                <a:cs typeface="Trebuchet MS"/>
              </a:rPr>
              <a:t>2022- </a:t>
            </a:r>
            <a:r>
              <a:rPr sz="1200" b="1" spc="20">
                <a:solidFill>
                  <a:schemeClr val="bg1"/>
                </a:solidFill>
                <a:latin typeface="Trebuchet MS"/>
                <a:cs typeface="Trebuchet MS"/>
              </a:rPr>
              <a:t>2026 </a:t>
            </a:r>
            <a:r>
              <a:rPr sz="1200" b="1" spc="2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50">
                <a:solidFill>
                  <a:schemeClr val="bg1"/>
                </a:solidFill>
                <a:latin typeface="Trebuchet MS"/>
                <a:cs typeface="Trebuchet MS"/>
              </a:rPr>
              <a:t>“COLOMBIA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60">
                <a:solidFill>
                  <a:schemeClr val="bg1"/>
                </a:solidFill>
                <a:latin typeface="Trebuchet MS"/>
                <a:cs typeface="Trebuchet MS"/>
              </a:rPr>
              <a:t>POTENCIA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80">
                <a:solidFill>
                  <a:schemeClr val="bg1"/>
                </a:solidFill>
                <a:latin typeface="Trebuchet MS"/>
                <a:cs typeface="Trebuchet MS"/>
              </a:rPr>
              <a:t>MUNDIAL</a:t>
            </a:r>
            <a:r>
              <a:rPr sz="1200" b="1" spc="-3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85">
                <a:solidFill>
                  <a:schemeClr val="bg1"/>
                </a:solidFill>
                <a:latin typeface="Trebuchet MS"/>
                <a:cs typeface="Trebuchet MS"/>
              </a:rPr>
              <a:t>DE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70">
                <a:solidFill>
                  <a:schemeClr val="bg1"/>
                </a:solidFill>
                <a:latin typeface="Trebuchet MS"/>
                <a:cs typeface="Trebuchet MS"/>
              </a:rPr>
              <a:t>LA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-75">
                <a:solidFill>
                  <a:schemeClr val="bg1"/>
                </a:solidFill>
                <a:latin typeface="Trebuchet MS"/>
                <a:cs typeface="Trebuchet MS"/>
              </a:rPr>
              <a:t>VIDA</a:t>
            </a:r>
            <a:r>
              <a:rPr sz="1200" b="1" spc="-75">
                <a:solidFill>
                  <a:schemeClr val="bg1"/>
                </a:solidFill>
                <a:latin typeface="SimSun"/>
                <a:cs typeface="SimSun"/>
              </a:rPr>
              <a:t>”</a:t>
            </a:r>
            <a:endParaRPr sz="1200" b="1">
              <a:solidFill>
                <a:schemeClr val="bg1"/>
              </a:solidFill>
              <a:latin typeface="SimSun"/>
              <a:cs typeface="SimSun"/>
            </a:endParaRPr>
          </a:p>
        </p:txBody>
      </p:sp>
      <p:grpSp>
        <p:nvGrpSpPr>
          <p:cNvPr id="16" name="object 16"/>
          <p:cNvGrpSpPr/>
          <p:nvPr/>
        </p:nvGrpSpPr>
        <p:grpSpPr>
          <a:xfrm>
            <a:off x="5037864" y="1581092"/>
            <a:ext cx="2990215" cy="550545"/>
            <a:chOff x="5335614" y="1758506"/>
            <a:chExt cx="2990215" cy="550545"/>
          </a:xfrm>
          <a:solidFill>
            <a:srgbClr val="D9723E"/>
          </a:solidFill>
        </p:grpSpPr>
        <p:sp>
          <p:nvSpPr>
            <p:cNvPr id="17" name="object 17"/>
            <p:cNvSpPr/>
            <p:nvPr/>
          </p:nvSpPr>
          <p:spPr>
            <a:xfrm>
              <a:off x="5341964" y="1764856"/>
              <a:ext cx="2977515" cy="537845"/>
            </a:xfrm>
            <a:custGeom>
              <a:avLst/>
              <a:gdLst/>
              <a:ahLst/>
              <a:cxnLst/>
              <a:rect l="l" t="t" r="r" b="b"/>
              <a:pathLst>
                <a:path w="2977515" h="537844">
                  <a:moveTo>
                    <a:pt x="2887675" y="0"/>
                  </a:moveTo>
                  <a:lnTo>
                    <a:pt x="89578" y="0"/>
                  </a:lnTo>
                  <a:lnTo>
                    <a:pt x="54710" y="7039"/>
                  </a:lnTo>
                  <a:lnTo>
                    <a:pt x="26236" y="26236"/>
                  </a:lnTo>
                  <a:lnTo>
                    <a:pt x="7039" y="54710"/>
                  </a:lnTo>
                  <a:lnTo>
                    <a:pt x="0" y="89578"/>
                  </a:lnTo>
                  <a:lnTo>
                    <a:pt x="0" y="447884"/>
                  </a:lnTo>
                  <a:lnTo>
                    <a:pt x="7039" y="482751"/>
                  </a:lnTo>
                  <a:lnTo>
                    <a:pt x="26236" y="511224"/>
                  </a:lnTo>
                  <a:lnTo>
                    <a:pt x="54710" y="530422"/>
                  </a:lnTo>
                  <a:lnTo>
                    <a:pt x="89578" y="537461"/>
                  </a:lnTo>
                  <a:lnTo>
                    <a:pt x="2887675" y="537461"/>
                  </a:lnTo>
                  <a:lnTo>
                    <a:pt x="2922542" y="530422"/>
                  </a:lnTo>
                  <a:lnTo>
                    <a:pt x="2951016" y="511224"/>
                  </a:lnTo>
                  <a:lnTo>
                    <a:pt x="2970213" y="482751"/>
                  </a:lnTo>
                  <a:lnTo>
                    <a:pt x="2977253" y="447884"/>
                  </a:lnTo>
                  <a:lnTo>
                    <a:pt x="2977253" y="89578"/>
                  </a:lnTo>
                  <a:lnTo>
                    <a:pt x="2970213" y="54710"/>
                  </a:lnTo>
                  <a:lnTo>
                    <a:pt x="2951016" y="26236"/>
                  </a:lnTo>
                  <a:lnTo>
                    <a:pt x="2922542" y="7039"/>
                  </a:lnTo>
                  <a:lnTo>
                    <a:pt x="2887675" y="0"/>
                  </a:lnTo>
                  <a:close/>
                </a:path>
              </a:pathLst>
            </a:custGeom>
            <a:grpFill/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8" name="object 18"/>
            <p:cNvSpPr/>
            <p:nvPr/>
          </p:nvSpPr>
          <p:spPr>
            <a:xfrm>
              <a:off x="5341964" y="1764856"/>
              <a:ext cx="2977515" cy="537845"/>
            </a:xfrm>
            <a:custGeom>
              <a:avLst/>
              <a:gdLst/>
              <a:ahLst/>
              <a:cxnLst/>
              <a:rect l="l" t="t" r="r" b="b"/>
              <a:pathLst>
                <a:path w="2977515" h="537844">
                  <a:moveTo>
                    <a:pt x="0" y="89578"/>
                  </a:moveTo>
                  <a:lnTo>
                    <a:pt x="7039" y="54710"/>
                  </a:lnTo>
                  <a:lnTo>
                    <a:pt x="26236" y="26236"/>
                  </a:lnTo>
                  <a:lnTo>
                    <a:pt x="54710" y="7039"/>
                  </a:lnTo>
                  <a:lnTo>
                    <a:pt x="89578" y="0"/>
                  </a:lnTo>
                  <a:lnTo>
                    <a:pt x="2887675" y="0"/>
                  </a:lnTo>
                  <a:lnTo>
                    <a:pt x="2922543" y="7039"/>
                  </a:lnTo>
                  <a:lnTo>
                    <a:pt x="2951016" y="26236"/>
                  </a:lnTo>
                  <a:lnTo>
                    <a:pt x="2970213" y="54710"/>
                  </a:lnTo>
                  <a:lnTo>
                    <a:pt x="2977253" y="89578"/>
                  </a:lnTo>
                  <a:lnTo>
                    <a:pt x="2977253" y="447883"/>
                  </a:lnTo>
                  <a:lnTo>
                    <a:pt x="2970213" y="482751"/>
                  </a:lnTo>
                  <a:lnTo>
                    <a:pt x="2951016" y="511225"/>
                  </a:lnTo>
                  <a:lnTo>
                    <a:pt x="2922543" y="530422"/>
                  </a:lnTo>
                  <a:lnTo>
                    <a:pt x="2887675" y="537462"/>
                  </a:lnTo>
                  <a:lnTo>
                    <a:pt x="89578" y="537462"/>
                  </a:lnTo>
                  <a:lnTo>
                    <a:pt x="54710" y="530422"/>
                  </a:lnTo>
                  <a:lnTo>
                    <a:pt x="26236" y="511225"/>
                  </a:lnTo>
                  <a:lnTo>
                    <a:pt x="7039" y="482751"/>
                  </a:lnTo>
                  <a:lnTo>
                    <a:pt x="0" y="447883"/>
                  </a:lnTo>
                  <a:lnTo>
                    <a:pt x="0" y="89578"/>
                  </a:lnTo>
                  <a:close/>
                </a:path>
              </a:pathLst>
            </a:custGeom>
            <a:grpFill/>
            <a:ln w="12700">
              <a:solidFill>
                <a:srgbClr val="ED7D31"/>
              </a:solidFill>
            </a:ln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19" name="object 19"/>
          <p:cNvSpPr txBox="1"/>
          <p:nvPr/>
        </p:nvSpPr>
        <p:spPr>
          <a:xfrm>
            <a:off x="5179468" y="1730857"/>
            <a:ext cx="2707005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Líneas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err="1">
                <a:solidFill>
                  <a:schemeClr val="bg1"/>
                </a:solidFill>
                <a:latin typeface="Trebuchet MS"/>
                <a:cs typeface="Trebuchet MS"/>
              </a:rPr>
              <a:t>estratégicas</a:t>
            </a:r>
            <a:r>
              <a:rPr sz="1200" b="1" spc="-4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>
                <a:solidFill>
                  <a:schemeClr val="bg1"/>
                </a:solidFill>
                <a:latin typeface="Trebuchet MS"/>
                <a:cs typeface="Trebuchet MS"/>
              </a:rPr>
              <a:t>Sector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Transporte</a:t>
            </a:r>
            <a:endParaRPr sz="1200">
              <a:solidFill>
                <a:schemeClr val="bg1"/>
              </a:solidFill>
              <a:latin typeface="Trebuchet MS"/>
              <a:cs typeface="Trebuchet MS"/>
            </a:endParaRPr>
          </a:p>
        </p:txBody>
      </p:sp>
      <p:grpSp>
        <p:nvGrpSpPr>
          <p:cNvPr id="20" name="object 20"/>
          <p:cNvGrpSpPr/>
          <p:nvPr/>
        </p:nvGrpSpPr>
        <p:grpSpPr>
          <a:xfrm>
            <a:off x="8818565" y="1554329"/>
            <a:ext cx="3112135" cy="550545"/>
            <a:chOff x="8830160" y="1751525"/>
            <a:chExt cx="3112135" cy="550545"/>
          </a:xfrm>
          <a:solidFill>
            <a:srgbClr val="D9723E"/>
          </a:solidFill>
        </p:grpSpPr>
        <p:sp>
          <p:nvSpPr>
            <p:cNvPr id="21" name="object 21"/>
            <p:cNvSpPr/>
            <p:nvPr/>
          </p:nvSpPr>
          <p:spPr>
            <a:xfrm>
              <a:off x="8836510" y="1757875"/>
              <a:ext cx="3099435" cy="537845"/>
            </a:xfrm>
            <a:custGeom>
              <a:avLst/>
              <a:gdLst/>
              <a:ahLst/>
              <a:cxnLst/>
              <a:rect l="l" t="t" r="r" b="b"/>
              <a:pathLst>
                <a:path w="3099434" h="537844">
                  <a:moveTo>
                    <a:pt x="3009451" y="0"/>
                  </a:moveTo>
                  <a:lnTo>
                    <a:pt x="89578" y="0"/>
                  </a:lnTo>
                  <a:lnTo>
                    <a:pt x="54710" y="7039"/>
                  </a:lnTo>
                  <a:lnTo>
                    <a:pt x="26236" y="26236"/>
                  </a:lnTo>
                  <a:lnTo>
                    <a:pt x="7039" y="54710"/>
                  </a:lnTo>
                  <a:lnTo>
                    <a:pt x="0" y="89578"/>
                  </a:lnTo>
                  <a:lnTo>
                    <a:pt x="0" y="447883"/>
                  </a:lnTo>
                  <a:lnTo>
                    <a:pt x="7039" y="482751"/>
                  </a:lnTo>
                  <a:lnTo>
                    <a:pt x="26236" y="511224"/>
                  </a:lnTo>
                  <a:lnTo>
                    <a:pt x="54710" y="530421"/>
                  </a:lnTo>
                  <a:lnTo>
                    <a:pt x="89578" y="537461"/>
                  </a:lnTo>
                  <a:lnTo>
                    <a:pt x="3009451" y="537461"/>
                  </a:lnTo>
                  <a:lnTo>
                    <a:pt x="3044319" y="530421"/>
                  </a:lnTo>
                  <a:lnTo>
                    <a:pt x="3072793" y="511224"/>
                  </a:lnTo>
                  <a:lnTo>
                    <a:pt x="3091990" y="482751"/>
                  </a:lnTo>
                  <a:lnTo>
                    <a:pt x="3099029" y="447883"/>
                  </a:lnTo>
                  <a:lnTo>
                    <a:pt x="3099029" y="89578"/>
                  </a:lnTo>
                  <a:lnTo>
                    <a:pt x="3091990" y="54710"/>
                  </a:lnTo>
                  <a:lnTo>
                    <a:pt x="3072793" y="26236"/>
                  </a:lnTo>
                  <a:lnTo>
                    <a:pt x="3044319" y="7039"/>
                  </a:lnTo>
                  <a:lnTo>
                    <a:pt x="3009451" y="0"/>
                  </a:lnTo>
                  <a:close/>
                </a:path>
              </a:pathLst>
            </a:custGeom>
            <a:grpFill/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22" name="object 22"/>
            <p:cNvSpPr/>
            <p:nvPr/>
          </p:nvSpPr>
          <p:spPr>
            <a:xfrm>
              <a:off x="8836510" y="1757875"/>
              <a:ext cx="3099435" cy="537845"/>
            </a:xfrm>
            <a:custGeom>
              <a:avLst/>
              <a:gdLst/>
              <a:ahLst/>
              <a:cxnLst/>
              <a:rect l="l" t="t" r="r" b="b"/>
              <a:pathLst>
                <a:path w="3099434" h="537844">
                  <a:moveTo>
                    <a:pt x="0" y="89578"/>
                  </a:moveTo>
                  <a:lnTo>
                    <a:pt x="7039" y="54710"/>
                  </a:lnTo>
                  <a:lnTo>
                    <a:pt x="26236" y="26236"/>
                  </a:lnTo>
                  <a:lnTo>
                    <a:pt x="54710" y="7039"/>
                  </a:lnTo>
                  <a:lnTo>
                    <a:pt x="89578" y="0"/>
                  </a:lnTo>
                  <a:lnTo>
                    <a:pt x="3009452" y="0"/>
                  </a:lnTo>
                  <a:lnTo>
                    <a:pt x="3044319" y="7039"/>
                  </a:lnTo>
                  <a:lnTo>
                    <a:pt x="3072793" y="26236"/>
                  </a:lnTo>
                  <a:lnTo>
                    <a:pt x="3091990" y="54710"/>
                  </a:lnTo>
                  <a:lnTo>
                    <a:pt x="3099030" y="89578"/>
                  </a:lnTo>
                  <a:lnTo>
                    <a:pt x="3099030" y="447883"/>
                  </a:lnTo>
                  <a:lnTo>
                    <a:pt x="3091990" y="482751"/>
                  </a:lnTo>
                  <a:lnTo>
                    <a:pt x="3072793" y="511225"/>
                  </a:lnTo>
                  <a:lnTo>
                    <a:pt x="3044319" y="530422"/>
                  </a:lnTo>
                  <a:lnTo>
                    <a:pt x="3009452" y="537462"/>
                  </a:lnTo>
                  <a:lnTo>
                    <a:pt x="89578" y="537462"/>
                  </a:lnTo>
                  <a:lnTo>
                    <a:pt x="54710" y="530422"/>
                  </a:lnTo>
                  <a:lnTo>
                    <a:pt x="26236" y="511225"/>
                  </a:lnTo>
                  <a:lnTo>
                    <a:pt x="7039" y="482751"/>
                  </a:lnTo>
                  <a:lnTo>
                    <a:pt x="0" y="447883"/>
                  </a:lnTo>
                  <a:lnTo>
                    <a:pt x="0" y="89578"/>
                  </a:lnTo>
                  <a:close/>
                </a:path>
              </a:pathLst>
            </a:custGeom>
            <a:grpFill/>
            <a:ln w="12700">
              <a:solidFill>
                <a:srgbClr val="ED7D31"/>
              </a:solidFill>
            </a:ln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23" name="object 23"/>
          <p:cNvSpPr txBox="1"/>
          <p:nvPr/>
        </p:nvSpPr>
        <p:spPr>
          <a:xfrm>
            <a:off x="8929893" y="1713392"/>
            <a:ext cx="2859405" cy="197490"/>
          </a:xfrm>
          <a:prstGeom prst="rect">
            <a:avLst/>
          </a:prstGeom>
        </p:spPr>
        <p:txBody>
          <a:bodyPr vert="horz" wrap="square" lIns="0" tIns="12700" rIns="0" bIns="0" rtlCol="0">
            <a:spAutoFit/>
          </a:bodyPr>
          <a:lstStyle/>
          <a:p>
            <a:pPr marL="12700">
              <a:lnSpc>
                <a:spcPct val="100000"/>
              </a:lnSpc>
              <a:spcBef>
                <a:spcPts val="100"/>
              </a:spcBef>
            </a:pPr>
            <a:r>
              <a:rPr sz="1200" b="1" spc="-5" err="1">
                <a:solidFill>
                  <a:schemeClr val="bg1"/>
                </a:solidFill>
                <a:latin typeface="Trebuchet MS"/>
                <a:cs typeface="Trebuchet MS"/>
              </a:rPr>
              <a:t>Objetivos</a:t>
            </a:r>
            <a:r>
              <a:rPr sz="1200" b="1" spc="-35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spc="5" err="1">
                <a:solidFill>
                  <a:schemeClr val="bg1"/>
                </a:solidFill>
                <a:latin typeface="Trebuchet MS"/>
                <a:cs typeface="Trebuchet MS"/>
              </a:rPr>
              <a:t>Estratégicos</a:t>
            </a:r>
            <a:r>
              <a:rPr sz="1200" b="1" spc="-40">
                <a:solidFill>
                  <a:schemeClr val="bg1"/>
                </a:solidFill>
                <a:latin typeface="Trebuchet MS"/>
                <a:cs typeface="Trebuchet MS"/>
              </a:rPr>
              <a:t> </a:t>
            </a:r>
            <a:r>
              <a:rPr sz="1200" b="1" err="1">
                <a:solidFill>
                  <a:schemeClr val="bg1"/>
                </a:solidFill>
                <a:latin typeface="Trebuchet MS"/>
                <a:cs typeface="Trebuchet MS"/>
              </a:rPr>
              <a:t>SuperTransporte</a:t>
            </a:r>
            <a:endParaRPr sz="1200">
              <a:solidFill>
                <a:schemeClr val="bg1"/>
              </a:solidFill>
              <a:latin typeface="Trebuchet MS"/>
              <a:cs typeface="Trebuchet MS"/>
            </a:endParaRPr>
          </a:p>
        </p:txBody>
      </p:sp>
      <p:pic>
        <p:nvPicPr>
          <p:cNvPr id="80" name="Imagen 79">
            <a:extLst>
              <a:ext uri="{FF2B5EF4-FFF2-40B4-BE49-F238E27FC236}">
                <a16:creationId xmlns:a16="http://schemas.microsoft.com/office/drawing/2014/main" id="{B14F24DE-9596-C4AE-6722-F1E0F206CDD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1046" y="336570"/>
            <a:ext cx="1795393" cy="624045"/>
          </a:xfrm>
          <a:prstGeom prst="rect">
            <a:avLst/>
          </a:prstGeom>
        </p:spPr>
      </p:pic>
      <p:pic>
        <p:nvPicPr>
          <p:cNvPr id="81" name="Imagen 80">
            <a:extLst>
              <a:ext uri="{FF2B5EF4-FFF2-40B4-BE49-F238E27FC236}">
                <a16:creationId xmlns:a16="http://schemas.microsoft.com/office/drawing/2014/main" id="{2174F20E-40C2-1834-6DB3-03EAC49D909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533933" y="208475"/>
            <a:ext cx="1255365" cy="888159"/>
          </a:xfrm>
          <a:prstGeom prst="rect">
            <a:avLst/>
          </a:prstGeom>
        </p:spPr>
      </p:pic>
      <p:sp>
        <p:nvSpPr>
          <p:cNvPr id="82" name="Rectángulo 81">
            <a:extLst>
              <a:ext uri="{FF2B5EF4-FFF2-40B4-BE49-F238E27FC236}">
                <a16:creationId xmlns:a16="http://schemas.microsoft.com/office/drawing/2014/main" id="{8A7D635D-7940-E432-ED25-BEA1A0B8C534}"/>
              </a:ext>
            </a:extLst>
          </p:cNvPr>
          <p:cNvSpPr/>
          <p:nvPr/>
        </p:nvSpPr>
        <p:spPr>
          <a:xfrm>
            <a:off x="21364" y="6600847"/>
            <a:ext cx="12170636" cy="257153"/>
          </a:xfrm>
          <a:prstGeom prst="rect">
            <a:avLst/>
          </a:prstGeom>
          <a:solidFill>
            <a:srgbClr val="D9723E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sp>
        <p:nvSpPr>
          <p:cNvPr id="83" name="CuadroTexto 82">
            <a:extLst>
              <a:ext uri="{FF2B5EF4-FFF2-40B4-BE49-F238E27FC236}">
                <a16:creationId xmlns:a16="http://schemas.microsoft.com/office/drawing/2014/main" id="{2A5AD336-7A66-DA00-A2AB-A0D8CC2D8A14}"/>
              </a:ext>
            </a:extLst>
          </p:cNvPr>
          <p:cNvSpPr txBox="1"/>
          <p:nvPr/>
        </p:nvSpPr>
        <p:spPr>
          <a:xfrm>
            <a:off x="5026700" y="6567827"/>
            <a:ext cx="2347759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s-CO" sz="1400" b="1" err="1">
                <a:solidFill>
                  <a:schemeClr val="bg1"/>
                </a:solidFill>
              </a:rPr>
              <a:t>www.supertransporte.gov.co</a:t>
            </a:r>
            <a:endParaRPr lang="es-CO" sz="1400" b="1">
              <a:solidFill>
                <a:schemeClr val="bg1"/>
              </a:solidFill>
            </a:endParaRPr>
          </a:p>
        </p:txBody>
      </p:sp>
      <p:pic>
        <p:nvPicPr>
          <p:cNvPr id="144" name="Imagen 143">
            <a:extLst>
              <a:ext uri="{FF2B5EF4-FFF2-40B4-BE49-F238E27FC236}">
                <a16:creationId xmlns:a16="http://schemas.microsoft.com/office/drawing/2014/main" id="{ADA052D6-3208-DD92-B76E-E09F188AEE0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516304" y="3258903"/>
            <a:ext cx="3745544" cy="1933278"/>
          </a:xfrm>
          <a:prstGeom prst="rect">
            <a:avLst/>
          </a:prstGeom>
        </p:spPr>
      </p:pic>
      <p:pic>
        <p:nvPicPr>
          <p:cNvPr id="172" name="Imagen 171">
            <a:extLst>
              <a:ext uri="{FF2B5EF4-FFF2-40B4-BE49-F238E27FC236}">
                <a16:creationId xmlns:a16="http://schemas.microsoft.com/office/drawing/2014/main" id="{6971E1B2-C1EF-526B-92F0-BF7B097E11E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454001" y="2232886"/>
            <a:ext cx="3716635" cy="4213254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DBA3A713-E421-1915-B602-CAC3CF2C4333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3854" b="7202"/>
          <a:stretch/>
        </p:blipFill>
        <p:spPr>
          <a:xfrm>
            <a:off x="8820069" y="202849"/>
            <a:ext cx="1823688" cy="1025060"/>
          </a:xfrm>
          <a:prstGeom prst="rect">
            <a:avLst/>
          </a:prstGeom>
        </p:spPr>
      </p:pic>
      <p:sp>
        <p:nvSpPr>
          <p:cNvPr id="2" name="TextBox 43">
            <a:extLst>
              <a:ext uri="{FF2B5EF4-FFF2-40B4-BE49-F238E27FC236}">
                <a16:creationId xmlns:a16="http://schemas.microsoft.com/office/drawing/2014/main" id="{552CA809-1371-DC51-D5EB-26BEAB58D02F}"/>
              </a:ext>
            </a:extLst>
          </p:cNvPr>
          <p:cNvSpPr txBox="1"/>
          <p:nvPr/>
        </p:nvSpPr>
        <p:spPr>
          <a:xfrm>
            <a:off x="2186439" y="270337"/>
            <a:ext cx="6896601" cy="622030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5246"/>
              </a:lnSpc>
            </a:pPr>
            <a:r>
              <a:rPr lang="en-US" sz="3600" err="1">
                <a:solidFill>
                  <a:srgbClr val="000000"/>
                </a:solidFill>
                <a:latin typeface="Raleway Heavy"/>
              </a:rPr>
              <a:t>Alineación</a:t>
            </a:r>
            <a:r>
              <a:rPr lang="en-US" sz="3600">
                <a:solidFill>
                  <a:srgbClr val="000000"/>
                </a:solidFill>
                <a:latin typeface="Raleway Heavy"/>
              </a:rPr>
              <a:t> </a:t>
            </a:r>
            <a:r>
              <a:rPr lang="en-US" sz="3600" err="1">
                <a:solidFill>
                  <a:srgbClr val="000000"/>
                </a:solidFill>
                <a:latin typeface="Raleway Heavy"/>
              </a:rPr>
              <a:t>Estratégica</a:t>
            </a:r>
            <a:r>
              <a:rPr lang="en-US" sz="3600">
                <a:solidFill>
                  <a:srgbClr val="000000"/>
                </a:solidFill>
                <a:latin typeface="Raleway Heavy"/>
              </a:rPr>
              <a:t> Sectorial</a:t>
            </a:r>
          </a:p>
        </p:txBody>
      </p:sp>
    </p:spTree>
    <p:extLst>
      <p:ext uri="{BB962C8B-B14F-4D97-AF65-F5344CB8AC3E}">
        <p14:creationId xmlns:p14="http://schemas.microsoft.com/office/powerpoint/2010/main" val="394928413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8A9B7D73-7015-C289-8499-FC9F1676F2D5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0" name="Group 3">
            <a:extLst>
              <a:ext uri="{FF2B5EF4-FFF2-40B4-BE49-F238E27FC236}">
                <a16:creationId xmlns:a16="http://schemas.microsoft.com/office/drawing/2014/main" id="{616FA8E2-DC32-C0DF-97A4-51622FBCFB85}"/>
              </a:ext>
            </a:extLst>
          </p:cNvPr>
          <p:cNvGrpSpPr/>
          <p:nvPr/>
        </p:nvGrpSpPr>
        <p:grpSpPr>
          <a:xfrm>
            <a:off x="-1" y="6588330"/>
            <a:ext cx="12192001" cy="295071"/>
            <a:chOff x="0" y="0"/>
            <a:chExt cx="5103511" cy="116571"/>
          </a:xfrm>
        </p:grpSpPr>
        <p:sp>
          <p:nvSpPr>
            <p:cNvPr id="47" name="Freeform 4">
              <a:extLst>
                <a:ext uri="{FF2B5EF4-FFF2-40B4-BE49-F238E27FC236}">
                  <a16:creationId xmlns:a16="http://schemas.microsoft.com/office/drawing/2014/main" id="{BE1097A2-27E8-F02C-880F-10E8BCE6F517}"/>
                </a:ext>
              </a:extLst>
            </p:cNvPr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8" name="TextBox 5">
              <a:extLst>
                <a:ext uri="{FF2B5EF4-FFF2-40B4-BE49-F238E27FC236}">
                  <a16:creationId xmlns:a16="http://schemas.microsoft.com/office/drawing/2014/main" id="{5EF81622-FA26-443E-60C5-E9D5A357BB51}"/>
                </a:ext>
              </a:extLst>
            </p:cNvPr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2136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  <p:grpSp>
        <p:nvGrpSpPr>
          <p:cNvPr id="2" name="Group 2">
            <a:extLst>
              <a:ext uri="{FF2B5EF4-FFF2-40B4-BE49-F238E27FC236}">
                <a16:creationId xmlns:a16="http://schemas.microsoft.com/office/drawing/2014/main" id="{DC02A56F-3836-C350-8027-D6CEB14BB38E}"/>
              </a:ext>
            </a:extLst>
          </p:cNvPr>
          <p:cNvGrpSpPr/>
          <p:nvPr/>
        </p:nvGrpSpPr>
        <p:grpSpPr>
          <a:xfrm>
            <a:off x="3869036" y="173228"/>
            <a:ext cx="4563998" cy="677512"/>
            <a:chOff x="0" y="0"/>
            <a:chExt cx="1395171" cy="267659"/>
          </a:xfrm>
        </p:grpSpPr>
        <p:sp>
          <p:nvSpPr>
            <p:cNvPr id="3" name="Freeform 3">
              <a:extLst>
                <a:ext uri="{FF2B5EF4-FFF2-40B4-BE49-F238E27FC236}">
                  <a16:creationId xmlns:a16="http://schemas.microsoft.com/office/drawing/2014/main" id="{3D9BF4B1-FECA-2B85-A567-DC87700BDE63}"/>
                </a:ext>
              </a:extLst>
            </p:cNvPr>
            <p:cNvSpPr/>
            <p:nvPr/>
          </p:nvSpPr>
          <p:spPr>
            <a:xfrm>
              <a:off x="0" y="0"/>
              <a:ext cx="1395171" cy="267659"/>
            </a:xfrm>
            <a:custGeom>
              <a:avLst/>
              <a:gdLst/>
              <a:ahLst/>
              <a:cxnLst/>
              <a:rect l="l" t="t" r="r" b="b"/>
              <a:pathLst>
                <a:path w="1395171" h="267659">
                  <a:moveTo>
                    <a:pt x="73988" y="0"/>
                  </a:moveTo>
                  <a:lnTo>
                    <a:pt x="1321183" y="0"/>
                  </a:lnTo>
                  <a:cubicBezTo>
                    <a:pt x="1340806" y="0"/>
                    <a:pt x="1359625" y="7795"/>
                    <a:pt x="1373500" y="21671"/>
                  </a:cubicBezTo>
                  <a:cubicBezTo>
                    <a:pt x="1387376" y="35546"/>
                    <a:pt x="1395171" y="54365"/>
                    <a:pt x="1395171" y="73988"/>
                  </a:cubicBezTo>
                  <a:lnTo>
                    <a:pt x="1395171" y="193671"/>
                  </a:lnTo>
                  <a:cubicBezTo>
                    <a:pt x="1395171" y="213294"/>
                    <a:pt x="1387376" y="232113"/>
                    <a:pt x="1373500" y="245988"/>
                  </a:cubicBezTo>
                  <a:cubicBezTo>
                    <a:pt x="1359625" y="259864"/>
                    <a:pt x="1340806" y="267659"/>
                    <a:pt x="1321183" y="267659"/>
                  </a:cubicBezTo>
                  <a:lnTo>
                    <a:pt x="73988" y="267659"/>
                  </a:lnTo>
                  <a:cubicBezTo>
                    <a:pt x="54365" y="267659"/>
                    <a:pt x="35546" y="259864"/>
                    <a:pt x="21671" y="245988"/>
                  </a:cubicBezTo>
                  <a:cubicBezTo>
                    <a:pt x="7795" y="232113"/>
                    <a:pt x="0" y="213294"/>
                    <a:pt x="0" y="193671"/>
                  </a:cubicBezTo>
                  <a:lnTo>
                    <a:pt x="0" y="73988"/>
                  </a:lnTo>
                  <a:cubicBezTo>
                    <a:pt x="0" y="54365"/>
                    <a:pt x="7795" y="35546"/>
                    <a:pt x="21671" y="21671"/>
                  </a:cubicBezTo>
                  <a:cubicBezTo>
                    <a:pt x="35546" y="7795"/>
                    <a:pt x="54365" y="0"/>
                    <a:pt x="73988" y="0"/>
                  </a:cubicBezTo>
                  <a:close/>
                </a:path>
              </a:pathLst>
            </a:custGeom>
            <a:solidFill>
              <a:srgbClr val="CF6207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" name="TextBox 4">
              <a:extLst>
                <a:ext uri="{FF2B5EF4-FFF2-40B4-BE49-F238E27FC236}">
                  <a16:creationId xmlns:a16="http://schemas.microsoft.com/office/drawing/2014/main" id="{42BC98B2-DE40-5786-696B-352DC26A97DE}"/>
                </a:ext>
              </a:extLst>
            </p:cNvPr>
            <p:cNvSpPr txBox="1"/>
            <p:nvPr/>
          </p:nvSpPr>
          <p:spPr>
            <a:xfrm>
              <a:off x="0" y="-47625"/>
              <a:ext cx="1395171" cy="315284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232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659" b="0" i="0" u="none" strike="noStrike" kern="1200" cap="none" spc="12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stema de Control y Vigilancia </a:t>
              </a:r>
            </a:p>
          </p:txBody>
        </p:sp>
      </p:grpSp>
      <p:sp>
        <p:nvSpPr>
          <p:cNvPr id="8" name="Freeform 8">
            <a:extLst>
              <a:ext uri="{FF2B5EF4-FFF2-40B4-BE49-F238E27FC236}">
                <a16:creationId xmlns:a16="http://schemas.microsoft.com/office/drawing/2014/main" id="{CA23AA97-C8CC-4D8D-9F0F-3CCF5CCB213F}"/>
              </a:ext>
            </a:extLst>
          </p:cNvPr>
          <p:cNvSpPr/>
          <p:nvPr/>
        </p:nvSpPr>
        <p:spPr>
          <a:xfrm>
            <a:off x="105886" y="81971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" name="Freeform 9">
            <a:extLst>
              <a:ext uri="{FF2B5EF4-FFF2-40B4-BE49-F238E27FC236}">
                <a16:creationId xmlns:a16="http://schemas.microsoft.com/office/drawing/2014/main" id="{441BF163-767F-D31D-92AD-FA71C07CD2E8}"/>
              </a:ext>
            </a:extLst>
          </p:cNvPr>
          <p:cNvSpPr/>
          <p:nvPr/>
        </p:nvSpPr>
        <p:spPr>
          <a:xfrm>
            <a:off x="10732043" y="188121"/>
            <a:ext cx="1214729" cy="890247"/>
          </a:xfrm>
          <a:custGeom>
            <a:avLst/>
            <a:gdLst/>
            <a:ahLst/>
            <a:cxnLst/>
            <a:rect l="l" t="t" r="r" b="b"/>
            <a:pathLst>
              <a:path w="1822093" h="1335370">
                <a:moveTo>
                  <a:pt x="0" y="0"/>
                </a:moveTo>
                <a:lnTo>
                  <a:pt x="1822093" y="0"/>
                </a:lnTo>
                <a:lnTo>
                  <a:pt x="1822093" y="1335370"/>
                </a:lnTo>
                <a:lnTo>
                  <a:pt x="0" y="1335370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" name="AutoShape 11">
            <a:extLst>
              <a:ext uri="{FF2B5EF4-FFF2-40B4-BE49-F238E27FC236}">
                <a16:creationId xmlns:a16="http://schemas.microsoft.com/office/drawing/2014/main" id="{32B3E05E-C6A5-E022-55BC-CF9EE945D015}"/>
              </a:ext>
            </a:extLst>
          </p:cNvPr>
          <p:cNvSpPr/>
          <p:nvPr/>
        </p:nvSpPr>
        <p:spPr>
          <a:xfrm>
            <a:off x="6151035" y="850740"/>
            <a:ext cx="0" cy="32685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2" name="AutoShape 12">
            <a:extLst>
              <a:ext uri="{FF2B5EF4-FFF2-40B4-BE49-F238E27FC236}">
                <a16:creationId xmlns:a16="http://schemas.microsoft.com/office/drawing/2014/main" id="{5F590CB4-5E2A-84AB-A802-9B4793D47395}"/>
              </a:ext>
            </a:extLst>
          </p:cNvPr>
          <p:cNvSpPr/>
          <p:nvPr/>
        </p:nvSpPr>
        <p:spPr>
          <a:xfrm>
            <a:off x="1942574" y="1161261"/>
            <a:ext cx="6626753" cy="1725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" name="Freeform 14">
            <a:extLst>
              <a:ext uri="{FF2B5EF4-FFF2-40B4-BE49-F238E27FC236}">
                <a16:creationId xmlns:a16="http://schemas.microsoft.com/office/drawing/2014/main" id="{C822F146-56F2-EAFB-D358-28F522B3722B}"/>
              </a:ext>
            </a:extLst>
          </p:cNvPr>
          <p:cNvSpPr/>
          <p:nvPr/>
        </p:nvSpPr>
        <p:spPr>
          <a:xfrm>
            <a:off x="241988" y="1543956"/>
            <a:ext cx="3531526" cy="749891"/>
          </a:xfrm>
          <a:custGeom>
            <a:avLst/>
            <a:gdLst/>
            <a:ahLst/>
            <a:cxnLst/>
            <a:rect l="l" t="t" r="r" b="b"/>
            <a:pathLst>
              <a:path w="1395171" h="296253">
                <a:moveTo>
                  <a:pt x="74536" y="0"/>
                </a:moveTo>
                <a:lnTo>
                  <a:pt x="1320635" y="0"/>
                </a:lnTo>
                <a:cubicBezTo>
                  <a:pt x="1340403" y="0"/>
                  <a:pt x="1359361" y="7853"/>
                  <a:pt x="1373340" y="21831"/>
                </a:cubicBezTo>
                <a:cubicBezTo>
                  <a:pt x="1387318" y="35809"/>
                  <a:pt x="1395171" y="54768"/>
                  <a:pt x="1395171" y="74536"/>
                </a:cubicBezTo>
                <a:lnTo>
                  <a:pt x="1395171" y="221717"/>
                </a:lnTo>
                <a:cubicBezTo>
                  <a:pt x="1395171" y="241485"/>
                  <a:pt x="1387318" y="260444"/>
                  <a:pt x="1373340" y="274422"/>
                </a:cubicBezTo>
                <a:cubicBezTo>
                  <a:pt x="1359361" y="288400"/>
                  <a:pt x="1340403" y="296253"/>
                  <a:pt x="1320635" y="296253"/>
                </a:cubicBezTo>
                <a:lnTo>
                  <a:pt x="74536" y="296253"/>
                </a:lnTo>
                <a:cubicBezTo>
                  <a:pt x="54768" y="296253"/>
                  <a:pt x="35809" y="288400"/>
                  <a:pt x="21831" y="274422"/>
                </a:cubicBezTo>
                <a:cubicBezTo>
                  <a:pt x="7853" y="260444"/>
                  <a:pt x="0" y="241485"/>
                  <a:pt x="0" y="221717"/>
                </a:cubicBezTo>
                <a:lnTo>
                  <a:pt x="0" y="74536"/>
                </a:lnTo>
                <a:cubicBezTo>
                  <a:pt x="0" y="54768"/>
                  <a:pt x="7853" y="35809"/>
                  <a:pt x="21831" y="21831"/>
                </a:cubicBezTo>
                <a:cubicBezTo>
                  <a:pt x="35809" y="7853"/>
                  <a:pt x="54768" y="0"/>
                  <a:pt x="74536" y="0"/>
                </a:cubicBezTo>
                <a:close/>
              </a:path>
            </a:pathLst>
          </a:custGeom>
          <a:solidFill>
            <a:schemeClr val="tx1">
              <a:lumMod val="95000"/>
              <a:lumOff val="5000"/>
            </a:schemeClr>
          </a:solidFill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ts val="1763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200" b="0" i="0" u="none" strike="noStrike" kern="1200" cap="none" spc="94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Open Sans Bold"/>
                <a:ea typeface="+mn-ea"/>
                <a:cs typeface="+mn-cs"/>
              </a:rPr>
              <a:t>INTRUSIVO</a:t>
            </a:r>
          </a:p>
          <a:p>
            <a:pPr marL="0" marR="0" lvl="0" indent="0" algn="ctr" defTabSz="914400" rtl="0" eaLnBrk="1" fontAlgn="auto" latinLnBrk="0" hangingPunct="1">
              <a:lnSpc>
                <a:spcPts val="1763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200" b="0" i="0" u="none" strike="noStrike" kern="1200" cap="none" spc="94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Open Sans Bold"/>
                <a:ea typeface="+mn-ea"/>
                <a:cs typeface="+mn-cs"/>
              </a:rPr>
              <a:t>(VIC basada en Tecnología en campo)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6" name="Group 16">
            <a:extLst>
              <a:ext uri="{FF2B5EF4-FFF2-40B4-BE49-F238E27FC236}">
                <a16:creationId xmlns:a16="http://schemas.microsoft.com/office/drawing/2014/main" id="{32C78388-6A5D-F493-4615-6ACC23EBD83A}"/>
              </a:ext>
            </a:extLst>
          </p:cNvPr>
          <p:cNvGrpSpPr/>
          <p:nvPr/>
        </p:nvGrpSpPr>
        <p:grpSpPr>
          <a:xfrm>
            <a:off x="7107750" y="1465745"/>
            <a:ext cx="3531526" cy="846331"/>
            <a:chOff x="0" y="-38100"/>
            <a:chExt cx="1395171" cy="334353"/>
          </a:xfrm>
        </p:grpSpPr>
        <p:sp>
          <p:nvSpPr>
            <p:cNvPr id="17" name="Freeform 17">
              <a:extLst>
                <a:ext uri="{FF2B5EF4-FFF2-40B4-BE49-F238E27FC236}">
                  <a16:creationId xmlns:a16="http://schemas.microsoft.com/office/drawing/2014/main" id="{36283828-45D0-2713-BE9D-EDC94A88EB27}"/>
                </a:ext>
              </a:extLst>
            </p:cNvPr>
            <p:cNvSpPr/>
            <p:nvPr/>
          </p:nvSpPr>
          <p:spPr>
            <a:xfrm>
              <a:off x="0" y="0"/>
              <a:ext cx="1395171" cy="296253"/>
            </a:xfrm>
            <a:custGeom>
              <a:avLst/>
              <a:gdLst/>
              <a:ahLst/>
              <a:cxnLst/>
              <a:rect l="l" t="t" r="r" b="b"/>
              <a:pathLst>
                <a:path w="1395171" h="296253">
                  <a:moveTo>
                    <a:pt x="74536" y="0"/>
                  </a:moveTo>
                  <a:lnTo>
                    <a:pt x="1320635" y="0"/>
                  </a:lnTo>
                  <a:cubicBezTo>
                    <a:pt x="1340403" y="0"/>
                    <a:pt x="1359361" y="7853"/>
                    <a:pt x="1373340" y="21831"/>
                  </a:cubicBezTo>
                  <a:cubicBezTo>
                    <a:pt x="1387318" y="35809"/>
                    <a:pt x="1395171" y="54768"/>
                    <a:pt x="1395171" y="74536"/>
                  </a:cubicBezTo>
                  <a:lnTo>
                    <a:pt x="1395171" y="221717"/>
                  </a:lnTo>
                  <a:cubicBezTo>
                    <a:pt x="1395171" y="241485"/>
                    <a:pt x="1387318" y="260444"/>
                    <a:pt x="1373340" y="274422"/>
                  </a:cubicBezTo>
                  <a:cubicBezTo>
                    <a:pt x="1359361" y="288400"/>
                    <a:pt x="1340403" y="296253"/>
                    <a:pt x="1320635" y="296253"/>
                  </a:cubicBezTo>
                  <a:lnTo>
                    <a:pt x="74536" y="296253"/>
                  </a:lnTo>
                  <a:cubicBezTo>
                    <a:pt x="54768" y="296253"/>
                    <a:pt x="35809" y="288400"/>
                    <a:pt x="21831" y="274422"/>
                  </a:cubicBezTo>
                  <a:cubicBezTo>
                    <a:pt x="7853" y="260444"/>
                    <a:pt x="0" y="241485"/>
                    <a:pt x="0" y="221717"/>
                  </a:cubicBezTo>
                  <a:lnTo>
                    <a:pt x="0" y="74536"/>
                  </a:lnTo>
                  <a:cubicBezTo>
                    <a:pt x="0" y="54768"/>
                    <a:pt x="7853" y="35809"/>
                    <a:pt x="21831" y="21831"/>
                  </a:cubicBezTo>
                  <a:cubicBezTo>
                    <a:pt x="35809" y="7853"/>
                    <a:pt x="54768" y="0"/>
                    <a:pt x="74536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solidFill>
                <a:schemeClr val="tx1">
                  <a:lumMod val="95000"/>
                  <a:lumOff val="5000"/>
                </a:schemeClr>
              </a:solidFill>
            </a:ln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8" name="TextBox 18">
              <a:extLst>
                <a:ext uri="{FF2B5EF4-FFF2-40B4-BE49-F238E27FC236}">
                  <a16:creationId xmlns:a16="http://schemas.microsoft.com/office/drawing/2014/main" id="{E91DFA12-31A9-7CF9-60B4-56FB190783F1}"/>
                </a:ext>
              </a:extLst>
            </p:cNvPr>
            <p:cNvSpPr txBox="1"/>
            <p:nvPr/>
          </p:nvSpPr>
          <p:spPr>
            <a:xfrm>
              <a:off x="0" y="-38100"/>
              <a:ext cx="1395171" cy="334353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NO INTRUSIVO</a:t>
              </a:r>
            </a:p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(VIC basada en Analítica de Datos) </a:t>
              </a:r>
            </a:p>
          </p:txBody>
        </p:sp>
      </p:grpSp>
      <p:sp>
        <p:nvSpPr>
          <p:cNvPr id="21" name="AutoShape 21">
            <a:extLst>
              <a:ext uri="{FF2B5EF4-FFF2-40B4-BE49-F238E27FC236}">
                <a16:creationId xmlns:a16="http://schemas.microsoft.com/office/drawing/2014/main" id="{B6953412-5DF3-18BB-2CD8-B578E6EC4CFE}"/>
              </a:ext>
            </a:extLst>
          </p:cNvPr>
          <p:cNvSpPr/>
          <p:nvPr/>
        </p:nvSpPr>
        <p:spPr>
          <a:xfrm flipH="1">
            <a:off x="666221" y="2339375"/>
            <a:ext cx="0" cy="2810947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22" name="Group 22">
            <a:extLst>
              <a:ext uri="{FF2B5EF4-FFF2-40B4-BE49-F238E27FC236}">
                <a16:creationId xmlns:a16="http://schemas.microsoft.com/office/drawing/2014/main" id="{55938F7B-AB63-F95F-F305-71B10830F30E}"/>
              </a:ext>
            </a:extLst>
          </p:cNvPr>
          <p:cNvGrpSpPr/>
          <p:nvPr/>
        </p:nvGrpSpPr>
        <p:grpSpPr>
          <a:xfrm>
            <a:off x="1027474" y="2673818"/>
            <a:ext cx="1104701" cy="539473"/>
            <a:chOff x="0" y="0"/>
            <a:chExt cx="436425" cy="213125"/>
          </a:xfrm>
        </p:grpSpPr>
        <p:sp>
          <p:nvSpPr>
            <p:cNvPr id="23" name="Freeform 23">
              <a:extLst>
                <a:ext uri="{FF2B5EF4-FFF2-40B4-BE49-F238E27FC236}">
                  <a16:creationId xmlns:a16="http://schemas.microsoft.com/office/drawing/2014/main" id="{EF342A33-93F9-6D84-0AAC-EAAE1AEA9F6A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4" name="TextBox 24">
              <a:extLst>
                <a:ext uri="{FF2B5EF4-FFF2-40B4-BE49-F238E27FC236}">
                  <a16:creationId xmlns:a16="http://schemas.microsoft.com/office/drawing/2014/main" id="{0B0BE76F-9E14-DBA7-B69A-1C7928CAA0EF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DA</a:t>
              </a:r>
            </a:p>
          </p:txBody>
        </p:sp>
      </p:grpSp>
      <p:grpSp>
        <p:nvGrpSpPr>
          <p:cNvPr id="25" name="Group 25">
            <a:extLst>
              <a:ext uri="{FF2B5EF4-FFF2-40B4-BE49-F238E27FC236}">
                <a16:creationId xmlns:a16="http://schemas.microsoft.com/office/drawing/2014/main" id="{CCB2D3DB-6BB2-5477-C93B-4B959D2498FC}"/>
              </a:ext>
            </a:extLst>
          </p:cNvPr>
          <p:cNvGrpSpPr/>
          <p:nvPr/>
        </p:nvGrpSpPr>
        <p:grpSpPr>
          <a:xfrm>
            <a:off x="1004652" y="3426015"/>
            <a:ext cx="1104701" cy="539473"/>
            <a:chOff x="0" y="0"/>
            <a:chExt cx="436425" cy="213125"/>
          </a:xfrm>
        </p:grpSpPr>
        <p:sp>
          <p:nvSpPr>
            <p:cNvPr id="26" name="Freeform 26">
              <a:extLst>
                <a:ext uri="{FF2B5EF4-FFF2-40B4-BE49-F238E27FC236}">
                  <a16:creationId xmlns:a16="http://schemas.microsoft.com/office/drawing/2014/main" id="{A7C00014-C9E8-D819-727B-012B851A91DF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7" name="TextBox 27">
              <a:extLst>
                <a:ext uri="{FF2B5EF4-FFF2-40B4-BE49-F238E27FC236}">
                  <a16:creationId xmlns:a16="http://schemas.microsoft.com/office/drawing/2014/main" id="{8BE1EB2E-0E7A-9740-8B58-CC0D813C0DB3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RC</a:t>
              </a:r>
            </a:p>
          </p:txBody>
        </p:sp>
      </p:grpSp>
      <p:grpSp>
        <p:nvGrpSpPr>
          <p:cNvPr id="28" name="Group 28">
            <a:extLst>
              <a:ext uri="{FF2B5EF4-FFF2-40B4-BE49-F238E27FC236}">
                <a16:creationId xmlns:a16="http://schemas.microsoft.com/office/drawing/2014/main" id="{FEEF974A-D75C-1CE0-9CA4-79581850538D}"/>
              </a:ext>
            </a:extLst>
          </p:cNvPr>
          <p:cNvGrpSpPr/>
          <p:nvPr/>
        </p:nvGrpSpPr>
        <p:grpSpPr>
          <a:xfrm>
            <a:off x="1004652" y="4144264"/>
            <a:ext cx="1104701" cy="539473"/>
            <a:chOff x="0" y="0"/>
            <a:chExt cx="436425" cy="213125"/>
          </a:xfrm>
        </p:grpSpPr>
        <p:sp>
          <p:nvSpPr>
            <p:cNvPr id="29" name="Freeform 29">
              <a:extLst>
                <a:ext uri="{FF2B5EF4-FFF2-40B4-BE49-F238E27FC236}">
                  <a16:creationId xmlns:a16="http://schemas.microsoft.com/office/drawing/2014/main" id="{79D9AEB9-48E7-AB3F-C116-94B291671C61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0" name="TextBox 30">
              <a:extLst>
                <a:ext uri="{FF2B5EF4-FFF2-40B4-BE49-F238E27FC236}">
                  <a16:creationId xmlns:a16="http://schemas.microsoft.com/office/drawing/2014/main" id="{662359A5-C493-12FA-1ECE-10EF205B6816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EA</a:t>
              </a:r>
            </a:p>
          </p:txBody>
        </p:sp>
      </p:grpSp>
      <p:grpSp>
        <p:nvGrpSpPr>
          <p:cNvPr id="31" name="Group 31">
            <a:extLst>
              <a:ext uri="{FF2B5EF4-FFF2-40B4-BE49-F238E27FC236}">
                <a16:creationId xmlns:a16="http://schemas.microsoft.com/office/drawing/2014/main" id="{65589283-610F-FAFF-110D-65B5F5D216B8}"/>
              </a:ext>
            </a:extLst>
          </p:cNvPr>
          <p:cNvGrpSpPr/>
          <p:nvPr/>
        </p:nvGrpSpPr>
        <p:grpSpPr>
          <a:xfrm>
            <a:off x="1004652" y="4880586"/>
            <a:ext cx="1104701" cy="539473"/>
            <a:chOff x="0" y="0"/>
            <a:chExt cx="436425" cy="213125"/>
          </a:xfrm>
        </p:grpSpPr>
        <p:sp>
          <p:nvSpPr>
            <p:cNvPr id="32" name="Freeform 32">
              <a:extLst>
                <a:ext uri="{FF2B5EF4-FFF2-40B4-BE49-F238E27FC236}">
                  <a16:creationId xmlns:a16="http://schemas.microsoft.com/office/drawing/2014/main" id="{0AB9AE04-7F1F-6092-B4FE-C8D38147D8A6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3" name="TextBox 33">
              <a:extLst>
                <a:ext uri="{FF2B5EF4-FFF2-40B4-BE49-F238E27FC236}">
                  <a16:creationId xmlns:a16="http://schemas.microsoft.com/office/drawing/2014/main" id="{088352F9-05FA-EBFA-F1E1-42BED3603AC8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-CIA</a:t>
              </a:r>
            </a:p>
          </p:txBody>
        </p:sp>
      </p:grpSp>
      <p:sp>
        <p:nvSpPr>
          <p:cNvPr id="34" name="AutoShape 34">
            <a:extLst>
              <a:ext uri="{FF2B5EF4-FFF2-40B4-BE49-F238E27FC236}">
                <a16:creationId xmlns:a16="http://schemas.microsoft.com/office/drawing/2014/main" id="{C1857E1B-6947-72A4-58E4-BE2CF8ED3157}"/>
              </a:ext>
            </a:extLst>
          </p:cNvPr>
          <p:cNvSpPr/>
          <p:nvPr/>
        </p:nvSpPr>
        <p:spPr>
          <a:xfrm flipV="1">
            <a:off x="689044" y="2943551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5" name="AutoShape 35">
            <a:extLst>
              <a:ext uri="{FF2B5EF4-FFF2-40B4-BE49-F238E27FC236}">
                <a16:creationId xmlns:a16="http://schemas.microsoft.com/office/drawing/2014/main" id="{231C772B-248C-DAE4-6148-68994DB13A6C}"/>
              </a:ext>
            </a:extLst>
          </p:cNvPr>
          <p:cNvSpPr/>
          <p:nvPr/>
        </p:nvSpPr>
        <p:spPr>
          <a:xfrm flipV="1">
            <a:off x="666224" y="3679874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6" name="AutoShape 36">
            <a:extLst>
              <a:ext uri="{FF2B5EF4-FFF2-40B4-BE49-F238E27FC236}">
                <a16:creationId xmlns:a16="http://schemas.microsoft.com/office/drawing/2014/main" id="{9C70B4CE-4229-FCB1-8931-59E9720DDC42}"/>
              </a:ext>
            </a:extLst>
          </p:cNvPr>
          <p:cNvSpPr/>
          <p:nvPr/>
        </p:nvSpPr>
        <p:spPr>
          <a:xfrm flipV="1">
            <a:off x="689044" y="4413997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37" name="AutoShape 37">
            <a:extLst>
              <a:ext uri="{FF2B5EF4-FFF2-40B4-BE49-F238E27FC236}">
                <a16:creationId xmlns:a16="http://schemas.microsoft.com/office/drawing/2014/main" id="{106A0BA4-13CC-7620-48AA-4CF7A9DD3487}"/>
              </a:ext>
            </a:extLst>
          </p:cNvPr>
          <p:cNvSpPr/>
          <p:nvPr/>
        </p:nvSpPr>
        <p:spPr>
          <a:xfrm flipV="1">
            <a:off x="666224" y="5166195"/>
            <a:ext cx="338429" cy="0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0" name="AutoShape 50">
            <a:extLst>
              <a:ext uri="{FF2B5EF4-FFF2-40B4-BE49-F238E27FC236}">
                <a16:creationId xmlns:a16="http://schemas.microsoft.com/office/drawing/2014/main" id="{3C2A4C47-01C2-E4FE-34FF-3D7A2C07BBC2}"/>
              </a:ext>
            </a:extLst>
          </p:cNvPr>
          <p:cNvSpPr/>
          <p:nvPr/>
        </p:nvSpPr>
        <p:spPr>
          <a:xfrm>
            <a:off x="8229587" y="2312076"/>
            <a:ext cx="14212" cy="394600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52" name="AutoShape 52">
            <a:extLst>
              <a:ext uri="{FF2B5EF4-FFF2-40B4-BE49-F238E27FC236}">
                <a16:creationId xmlns:a16="http://schemas.microsoft.com/office/drawing/2014/main" id="{EFDE9974-E842-A53D-CB9B-1F1AD5692C22}"/>
              </a:ext>
            </a:extLst>
          </p:cNvPr>
          <p:cNvSpPr/>
          <p:nvPr/>
        </p:nvSpPr>
        <p:spPr>
          <a:xfrm>
            <a:off x="7349846" y="2870202"/>
            <a:ext cx="879757" cy="5851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59" name="Group 59">
            <a:extLst>
              <a:ext uri="{FF2B5EF4-FFF2-40B4-BE49-F238E27FC236}">
                <a16:creationId xmlns:a16="http://schemas.microsoft.com/office/drawing/2014/main" id="{73DBF4AA-ABE3-3FA6-B755-336C4095E2D7}"/>
              </a:ext>
            </a:extLst>
          </p:cNvPr>
          <p:cNvGrpSpPr/>
          <p:nvPr/>
        </p:nvGrpSpPr>
        <p:grpSpPr>
          <a:xfrm>
            <a:off x="8727329" y="2493939"/>
            <a:ext cx="3083885" cy="371911"/>
            <a:chOff x="0" y="0"/>
            <a:chExt cx="1082939" cy="172517"/>
          </a:xfrm>
        </p:grpSpPr>
        <p:sp>
          <p:nvSpPr>
            <p:cNvPr id="60" name="Freeform 60">
              <a:extLst>
                <a:ext uri="{FF2B5EF4-FFF2-40B4-BE49-F238E27FC236}">
                  <a16:creationId xmlns:a16="http://schemas.microsoft.com/office/drawing/2014/main" id="{C6364E3D-8405-92A2-F43A-7934C5A08833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1" name="TextBox 61">
              <a:extLst>
                <a:ext uri="{FF2B5EF4-FFF2-40B4-BE49-F238E27FC236}">
                  <a16:creationId xmlns:a16="http://schemas.microsoft.com/office/drawing/2014/main" id="{E433E4F9-B4BB-67CC-81F8-B8D9151920F2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IUIT - DIGITAL</a:t>
              </a:r>
            </a:p>
          </p:txBody>
        </p:sp>
      </p:grpSp>
      <p:sp>
        <p:nvSpPr>
          <p:cNvPr id="97" name="Freeform 97">
            <a:extLst>
              <a:ext uri="{FF2B5EF4-FFF2-40B4-BE49-F238E27FC236}">
                <a16:creationId xmlns:a16="http://schemas.microsoft.com/office/drawing/2014/main" id="{9A8473B6-9C72-B7D7-B79A-11DC0EA3C7A9}"/>
              </a:ext>
            </a:extLst>
          </p:cNvPr>
          <p:cNvSpPr/>
          <p:nvPr/>
        </p:nvSpPr>
        <p:spPr>
          <a:xfrm>
            <a:off x="2336284" y="2617696"/>
            <a:ext cx="747701" cy="625350"/>
          </a:xfrm>
          <a:custGeom>
            <a:avLst/>
            <a:gdLst/>
            <a:ahLst/>
            <a:cxnLst/>
            <a:rect l="l" t="t" r="r" b="b"/>
            <a:pathLst>
              <a:path w="1121551" h="938025">
                <a:moveTo>
                  <a:pt x="0" y="0"/>
                </a:moveTo>
                <a:lnTo>
                  <a:pt x="1121551" y="0"/>
                </a:lnTo>
                <a:lnTo>
                  <a:pt x="1121551" y="938025"/>
                </a:lnTo>
                <a:lnTo>
                  <a:pt x="0" y="938025"/>
                </a:lnTo>
                <a:lnTo>
                  <a:pt x="0" y="0"/>
                </a:lnTo>
                <a:close/>
              </a:path>
            </a:pathLst>
          </a:custGeom>
          <a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8" name="Freeform 98">
            <a:extLst>
              <a:ext uri="{FF2B5EF4-FFF2-40B4-BE49-F238E27FC236}">
                <a16:creationId xmlns:a16="http://schemas.microsoft.com/office/drawing/2014/main" id="{1FB58C5C-59CB-02D7-6BC0-581916B3267B}"/>
              </a:ext>
            </a:extLst>
          </p:cNvPr>
          <p:cNvSpPr/>
          <p:nvPr/>
        </p:nvSpPr>
        <p:spPr>
          <a:xfrm>
            <a:off x="10848686" y="1597141"/>
            <a:ext cx="826219" cy="574300"/>
          </a:xfrm>
          <a:custGeom>
            <a:avLst/>
            <a:gdLst/>
            <a:ahLst/>
            <a:cxnLst/>
            <a:rect l="l" t="t" r="r" b="b"/>
            <a:pathLst>
              <a:path w="2122274" h="1529567">
                <a:moveTo>
                  <a:pt x="0" y="0"/>
                </a:moveTo>
                <a:lnTo>
                  <a:pt x="2122274" y="0"/>
                </a:lnTo>
                <a:lnTo>
                  <a:pt x="2122274" y="1529567"/>
                </a:lnTo>
                <a:lnTo>
                  <a:pt x="0" y="1529567"/>
                </a:lnTo>
                <a:lnTo>
                  <a:pt x="0" y="0"/>
                </a:lnTo>
                <a:close/>
              </a:path>
            </a:pathLst>
          </a:custGeom>
          <a:blipFill>
            <a:blip r:embed="rId6"/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99" name="Freeform 99">
            <a:extLst>
              <a:ext uri="{FF2B5EF4-FFF2-40B4-BE49-F238E27FC236}">
                <a16:creationId xmlns:a16="http://schemas.microsoft.com/office/drawing/2014/main" id="{7B80F165-6EDE-35B1-2EA6-30D4C267ABDF}"/>
              </a:ext>
            </a:extLst>
          </p:cNvPr>
          <p:cNvSpPr/>
          <p:nvPr/>
        </p:nvSpPr>
        <p:spPr>
          <a:xfrm>
            <a:off x="2433204" y="4194677"/>
            <a:ext cx="505009" cy="526051"/>
          </a:xfrm>
          <a:custGeom>
            <a:avLst/>
            <a:gdLst/>
            <a:ahLst/>
            <a:cxnLst/>
            <a:rect l="l" t="t" r="r" b="b"/>
            <a:pathLst>
              <a:path w="757513" h="789076">
                <a:moveTo>
                  <a:pt x="0" y="0"/>
                </a:moveTo>
                <a:lnTo>
                  <a:pt x="757513" y="0"/>
                </a:lnTo>
                <a:lnTo>
                  <a:pt x="757513" y="789076"/>
                </a:lnTo>
                <a:lnTo>
                  <a:pt x="0" y="789076"/>
                </a:lnTo>
                <a:lnTo>
                  <a:pt x="0" y="0"/>
                </a:lnTo>
                <a:close/>
              </a:path>
            </a:pathLst>
          </a:custGeom>
          <a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0" name="Freeform 100">
            <a:extLst>
              <a:ext uri="{FF2B5EF4-FFF2-40B4-BE49-F238E27FC236}">
                <a16:creationId xmlns:a16="http://schemas.microsoft.com/office/drawing/2014/main" id="{CCC84625-0431-FEC1-DB16-539752DE5F50}"/>
              </a:ext>
            </a:extLst>
          </p:cNvPr>
          <p:cNvSpPr/>
          <p:nvPr/>
        </p:nvSpPr>
        <p:spPr>
          <a:xfrm>
            <a:off x="2398576" y="3452376"/>
            <a:ext cx="623117" cy="623117"/>
          </a:xfrm>
          <a:custGeom>
            <a:avLst/>
            <a:gdLst/>
            <a:ahLst/>
            <a:cxnLst/>
            <a:rect l="l" t="t" r="r" b="b"/>
            <a:pathLst>
              <a:path w="934676" h="934676">
                <a:moveTo>
                  <a:pt x="0" y="0"/>
                </a:moveTo>
                <a:lnTo>
                  <a:pt x="934676" y="0"/>
                </a:lnTo>
                <a:lnTo>
                  <a:pt x="934676" y="934676"/>
                </a:lnTo>
                <a:lnTo>
                  <a:pt x="0" y="934676"/>
                </a:lnTo>
                <a:lnTo>
                  <a:pt x="0" y="0"/>
                </a:lnTo>
                <a:close/>
              </a:path>
            </a:pathLst>
          </a:custGeom>
          <a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1" name="Freeform 101">
            <a:extLst>
              <a:ext uri="{FF2B5EF4-FFF2-40B4-BE49-F238E27FC236}">
                <a16:creationId xmlns:a16="http://schemas.microsoft.com/office/drawing/2014/main" id="{B8A65E28-86EE-551C-7112-0A2F778570DF}"/>
              </a:ext>
            </a:extLst>
          </p:cNvPr>
          <p:cNvSpPr/>
          <p:nvPr/>
        </p:nvSpPr>
        <p:spPr>
          <a:xfrm>
            <a:off x="2531572" y="4870019"/>
            <a:ext cx="406638" cy="553877"/>
          </a:xfrm>
          <a:custGeom>
            <a:avLst/>
            <a:gdLst/>
            <a:ahLst/>
            <a:cxnLst/>
            <a:rect l="l" t="t" r="r" b="b"/>
            <a:pathLst>
              <a:path w="609957" h="830815">
                <a:moveTo>
                  <a:pt x="0" y="0"/>
                </a:moveTo>
                <a:lnTo>
                  <a:pt x="609957" y="0"/>
                </a:lnTo>
                <a:lnTo>
                  <a:pt x="609957" y="830815"/>
                </a:lnTo>
                <a:lnTo>
                  <a:pt x="0" y="830815"/>
                </a:lnTo>
                <a:lnTo>
                  <a:pt x="0" y="0"/>
                </a:lnTo>
                <a:close/>
              </a:path>
            </a:pathLst>
          </a:custGeom>
          <a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02" name="TextBox 102">
            <a:extLst>
              <a:ext uri="{FF2B5EF4-FFF2-40B4-BE49-F238E27FC236}">
                <a16:creationId xmlns:a16="http://schemas.microsoft.com/office/drawing/2014/main" id="{964713EA-8342-1908-EF15-B90B7341D0E1}"/>
              </a:ext>
            </a:extLst>
          </p:cNvPr>
          <p:cNvSpPr txBox="1"/>
          <p:nvPr/>
        </p:nvSpPr>
        <p:spPr>
          <a:xfrm>
            <a:off x="4952227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ts val="196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s-ES_tradnl" sz="1400" b="0" i="0" u="none" strike="noStrike" kern="1200" cap="none" spc="0" normalizeH="0" baseline="0" noProof="0">
                <a:ln>
                  <a:noFill/>
                </a:ln>
                <a:solidFill>
                  <a:srgbClr val="F8F7F7"/>
                </a:solidFill>
                <a:effectLst/>
                <a:uLnTx/>
                <a:uFillTx/>
                <a:latin typeface="Open Sans"/>
                <a:ea typeface="+mn-ea"/>
                <a:cs typeface="+mn-cs"/>
              </a:rPr>
              <a:t>www.supertransporte.gov.co</a:t>
            </a:r>
          </a:p>
        </p:txBody>
      </p:sp>
      <p:grpSp>
        <p:nvGrpSpPr>
          <p:cNvPr id="20" name="Group 22">
            <a:extLst>
              <a:ext uri="{FF2B5EF4-FFF2-40B4-BE49-F238E27FC236}">
                <a16:creationId xmlns:a16="http://schemas.microsoft.com/office/drawing/2014/main" id="{3F283FE5-7B57-B2D1-5FC1-B17CBC48A55C}"/>
              </a:ext>
            </a:extLst>
          </p:cNvPr>
          <p:cNvGrpSpPr/>
          <p:nvPr/>
        </p:nvGrpSpPr>
        <p:grpSpPr>
          <a:xfrm>
            <a:off x="5568598" y="2585276"/>
            <a:ext cx="1781247" cy="539473"/>
            <a:chOff x="0" y="0"/>
            <a:chExt cx="436425" cy="213125"/>
          </a:xfrm>
        </p:grpSpPr>
        <p:sp>
          <p:nvSpPr>
            <p:cNvPr id="41" name="Freeform 23">
              <a:extLst>
                <a:ext uri="{FF2B5EF4-FFF2-40B4-BE49-F238E27FC236}">
                  <a16:creationId xmlns:a16="http://schemas.microsoft.com/office/drawing/2014/main" id="{14ADB6CD-918B-B6F9-62A5-E009055DD9D2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2" name="TextBox 24">
              <a:extLst>
                <a:ext uri="{FF2B5EF4-FFF2-40B4-BE49-F238E27FC236}">
                  <a16:creationId xmlns:a16="http://schemas.microsoft.com/office/drawing/2014/main" id="{135CE279-460B-5242-33A9-437731D68222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SV</a:t>
              </a:r>
            </a:p>
          </p:txBody>
        </p:sp>
      </p:grpSp>
      <p:grpSp>
        <p:nvGrpSpPr>
          <p:cNvPr id="43" name="Group 25">
            <a:extLst>
              <a:ext uri="{FF2B5EF4-FFF2-40B4-BE49-F238E27FC236}">
                <a16:creationId xmlns:a16="http://schemas.microsoft.com/office/drawing/2014/main" id="{11115AA4-A450-8F24-5AFF-67AA5707B0AF}"/>
              </a:ext>
            </a:extLst>
          </p:cNvPr>
          <p:cNvGrpSpPr/>
          <p:nvPr/>
        </p:nvGrpSpPr>
        <p:grpSpPr>
          <a:xfrm>
            <a:off x="5545777" y="3337473"/>
            <a:ext cx="1781247" cy="539473"/>
            <a:chOff x="0" y="0"/>
            <a:chExt cx="436425" cy="213125"/>
          </a:xfrm>
        </p:grpSpPr>
        <p:sp>
          <p:nvSpPr>
            <p:cNvPr id="44" name="Freeform 26">
              <a:extLst>
                <a:ext uri="{FF2B5EF4-FFF2-40B4-BE49-F238E27FC236}">
                  <a16:creationId xmlns:a16="http://schemas.microsoft.com/office/drawing/2014/main" id="{7BC76B06-B30F-CEAC-DE0F-BFF2FCDABEE1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TextBox 27">
              <a:extLst>
                <a:ext uri="{FF2B5EF4-FFF2-40B4-BE49-F238E27FC236}">
                  <a16:creationId xmlns:a16="http://schemas.microsoft.com/office/drawing/2014/main" id="{3CD8F161-34BC-1090-A480-50B33E1CCC51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CCIT</a:t>
              </a:r>
            </a:p>
          </p:txBody>
        </p:sp>
      </p:grpSp>
      <p:grpSp>
        <p:nvGrpSpPr>
          <p:cNvPr id="46" name="Group 28">
            <a:extLst>
              <a:ext uri="{FF2B5EF4-FFF2-40B4-BE49-F238E27FC236}">
                <a16:creationId xmlns:a16="http://schemas.microsoft.com/office/drawing/2014/main" id="{C6A425AF-D8B7-37A3-D544-537F4C42D147}"/>
              </a:ext>
            </a:extLst>
          </p:cNvPr>
          <p:cNvGrpSpPr/>
          <p:nvPr/>
        </p:nvGrpSpPr>
        <p:grpSpPr>
          <a:xfrm>
            <a:off x="5545777" y="4055722"/>
            <a:ext cx="1781247" cy="539473"/>
            <a:chOff x="0" y="0"/>
            <a:chExt cx="436425" cy="213125"/>
          </a:xfrm>
        </p:grpSpPr>
        <p:sp>
          <p:nvSpPr>
            <p:cNvPr id="108" name="Freeform 29">
              <a:extLst>
                <a:ext uri="{FF2B5EF4-FFF2-40B4-BE49-F238E27FC236}">
                  <a16:creationId xmlns:a16="http://schemas.microsoft.com/office/drawing/2014/main" id="{12394AE9-9734-B783-FD32-4E121D80188D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  <a:solidFill>
              <a:srgbClr val="6CAD44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09" name="TextBox 30">
              <a:extLst>
                <a:ext uri="{FF2B5EF4-FFF2-40B4-BE49-F238E27FC236}">
                  <a16:creationId xmlns:a16="http://schemas.microsoft.com/office/drawing/2014/main" id="{9034E0E8-20C5-EFB6-83A6-6115B325F973}"/>
                </a:ext>
              </a:extLst>
            </p:cNvPr>
            <p:cNvSpPr txBox="1"/>
            <p:nvPr/>
          </p:nvSpPr>
          <p:spPr>
            <a:xfrm>
              <a:off x="0" y="-38100"/>
              <a:ext cx="436425" cy="251225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59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OAT/RTM</a:t>
              </a:r>
            </a:p>
          </p:txBody>
        </p:sp>
      </p:grpSp>
      <p:sp>
        <p:nvSpPr>
          <p:cNvPr id="110" name="AutoShape 52">
            <a:extLst>
              <a:ext uri="{FF2B5EF4-FFF2-40B4-BE49-F238E27FC236}">
                <a16:creationId xmlns:a16="http://schemas.microsoft.com/office/drawing/2014/main" id="{0A98565C-BE0C-DCEA-7F6A-853A5D10B897}"/>
              </a:ext>
            </a:extLst>
          </p:cNvPr>
          <p:cNvSpPr/>
          <p:nvPr/>
        </p:nvSpPr>
        <p:spPr>
          <a:xfrm>
            <a:off x="7327024" y="3581402"/>
            <a:ext cx="902579" cy="77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11" name="AutoShape 52">
            <a:extLst>
              <a:ext uri="{FF2B5EF4-FFF2-40B4-BE49-F238E27FC236}">
                <a16:creationId xmlns:a16="http://schemas.microsoft.com/office/drawing/2014/main" id="{724F88B0-1A62-7F5C-C987-BD2D91B4FED7}"/>
              </a:ext>
            </a:extLst>
          </p:cNvPr>
          <p:cNvSpPr/>
          <p:nvPr/>
        </p:nvSpPr>
        <p:spPr>
          <a:xfrm>
            <a:off x="7327024" y="4343402"/>
            <a:ext cx="902565" cy="103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12" name="Group 59">
            <a:extLst>
              <a:ext uri="{FF2B5EF4-FFF2-40B4-BE49-F238E27FC236}">
                <a16:creationId xmlns:a16="http://schemas.microsoft.com/office/drawing/2014/main" id="{90D87488-73B8-2F63-1A44-AE4B43199BF9}"/>
              </a:ext>
            </a:extLst>
          </p:cNvPr>
          <p:cNvGrpSpPr/>
          <p:nvPr/>
        </p:nvGrpSpPr>
        <p:grpSpPr>
          <a:xfrm>
            <a:off x="8746992" y="4507011"/>
            <a:ext cx="3083885" cy="371911"/>
            <a:chOff x="0" y="0"/>
            <a:chExt cx="1082939" cy="172517"/>
          </a:xfrm>
        </p:grpSpPr>
        <p:sp>
          <p:nvSpPr>
            <p:cNvPr id="113" name="Freeform 60">
              <a:extLst>
                <a:ext uri="{FF2B5EF4-FFF2-40B4-BE49-F238E27FC236}">
                  <a16:creationId xmlns:a16="http://schemas.microsoft.com/office/drawing/2014/main" id="{EF8CCBC8-DD71-3497-6FA5-17FBC15BF8A4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14" name="TextBox 61">
              <a:extLst>
                <a:ext uri="{FF2B5EF4-FFF2-40B4-BE49-F238E27FC236}">
                  <a16:creationId xmlns:a16="http://schemas.microsoft.com/office/drawing/2014/main" id="{9AE42D53-2BF7-3D42-099E-38D9A0075787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Contrato de temporada alta </a:t>
              </a:r>
            </a:p>
          </p:txBody>
        </p:sp>
      </p:grpSp>
      <p:grpSp>
        <p:nvGrpSpPr>
          <p:cNvPr id="115" name="Group 59">
            <a:extLst>
              <a:ext uri="{FF2B5EF4-FFF2-40B4-BE49-F238E27FC236}">
                <a16:creationId xmlns:a16="http://schemas.microsoft.com/office/drawing/2014/main" id="{6079182D-75F6-149E-C202-58EAB327B9C6}"/>
              </a:ext>
            </a:extLst>
          </p:cNvPr>
          <p:cNvGrpSpPr/>
          <p:nvPr/>
        </p:nvGrpSpPr>
        <p:grpSpPr>
          <a:xfrm>
            <a:off x="8721982" y="3514291"/>
            <a:ext cx="3083885" cy="371911"/>
            <a:chOff x="0" y="0"/>
            <a:chExt cx="1082939" cy="172517"/>
          </a:xfrm>
        </p:grpSpPr>
        <p:sp>
          <p:nvSpPr>
            <p:cNvPr id="116" name="Freeform 60">
              <a:extLst>
                <a:ext uri="{FF2B5EF4-FFF2-40B4-BE49-F238E27FC236}">
                  <a16:creationId xmlns:a16="http://schemas.microsoft.com/office/drawing/2014/main" id="{929A1EBE-7C3A-6461-FCCF-5F650A279ACA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17" name="TextBox 61">
              <a:extLst>
                <a:ext uri="{FF2B5EF4-FFF2-40B4-BE49-F238E27FC236}">
                  <a16:creationId xmlns:a16="http://schemas.microsoft.com/office/drawing/2014/main" id="{A2E655C7-2EED-AB20-708A-DD4358CF75EC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Estructura de Costos</a:t>
              </a:r>
            </a:p>
          </p:txBody>
        </p:sp>
      </p:grpSp>
      <p:grpSp>
        <p:nvGrpSpPr>
          <p:cNvPr id="118" name="Group 59">
            <a:extLst>
              <a:ext uri="{FF2B5EF4-FFF2-40B4-BE49-F238E27FC236}">
                <a16:creationId xmlns:a16="http://schemas.microsoft.com/office/drawing/2014/main" id="{F2DE5B6C-1A4F-6BBB-A86A-369B22F5B766}"/>
              </a:ext>
            </a:extLst>
          </p:cNvPr>
          <p:cNvGrpSpPr/>
          <p:nvPr/>
        </p:nvGrpSpPr>
        <p:grpSpPr>
          <a:xfrm>
            <a:off x="8727329" y="3987802"/>
            <a:ext cx="3083885" cy="371911"/>
            <a:chOff x="0" y="0"/>
            <a:chExt cx="1082939" cy="172517"/>
          </a:xfrm>
        </p:grpSpPr>
        <p:sp>
          <p:nvSpPr>
            <p:cNvPr id="119" name="Freeform 60">
              <a:extLst>
                <a:ext uri="{FF2B5EF4-FFF2-40B4-BE49-F238E27FC236}">
                  <a16:creationId xmlns:a16="http://schemas.microsoft.com/office/drawing/2014/main" id="{9C93ACCE-63EE-3F2D-88EC-748FAC4C07E6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20" name="TextBox 61">
              <a:extLst>
                <a:ext uri="{FF2B5EF4-FFF2-40B4-BE49-F238E27FC236}">
                  <a16:creationId xmlns:a16="http://schemas.microsoft.com/office/drawing/2014/main" id="{BFE39360-B1C0-DE61-63DB-A4E9C3BE8167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Terminales</a:t>
              </a:r>
            </a:p>
          </p:txBody>
        </p:sp>
      </p:grpSp>
      <p:grpSp>
        <p:nvGrpSpPr>
          <p:cNvPr id="124" name="Group 59">
            <a:extLst>
              <a:ext uri="{FF2B5EF4-FFF2-40B4-BE49-F238E27FC236}">
                <a16:creationId xmlns:a16="http://schemas.microsoft.com/office/drawing/2014/main" id="{187C12CE-C454-A470-F2BF-6A579DC31A36}"/>
              </a:ext>
            </a:extLst>
          </p:cNvPr>
          <p:cNvGrpSpPr/>
          <p:nvPr/>
        </p:nvGrpSpPr>
        <p:grpSpPr>
          <a:xfrm>
            <a:off x="8719087" y="5038291"/>
            <a:ext cx="3083885" cy="371911"/>
            <a:chOff x="0" y="0"/>
            <a:chExt cx="1082939" cy="172517"/>
          </a:xfrm>
        </p:grpSpPr>
        <p:sp>
          <p:nvSpPr>
            <p:cNvPr id="125" name="Freeform 60">
              <a:extLst>
                <a:ext uri="{FF2B5EF4-FFF2-40B4-BE49-F238E27FC236}">
                  <a16:creationId xmlns:a16="http://schemas.microsoft.com/office/drawing/2014/main" id="{AA40FE45-68DA-AE4D-E3AF-B3671862618C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26" name="TextBox 61">
              <a:extLst>
                <a:ext uri="{FF2B5EF4-FFF2-40B4-BE49-F238E27FC236}">
                  <a16:creationId xmlns:a16="http://schemas.microsoft.com/office/drawing/2014/main" id="{BDEFFD85-D53A-4E41-0A57-2E8BAD5C0D51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icov – Servicio Especial</a:t>
              </a:r>
            </a:p>
          </p:txBody>
        </p:sp>
      </p:grpSp>
      <p:sp>
        <p:nvSpPr>
          <p:cNvPr id="127" name="AutoShape 52">
            <a:extLst>
              <a:ext uri="{FF2B5EF4-FFF2-40B4-BE49-F238E27FC236}">
                <a16:creationId xmlns:a16="http://schemas.microsoft.com/office/drawing/2014/main" id="{48112439-7961-433A-95C9-3935673D984D}"/>
              </a:ext>
            </a:extLst>
          </p:cNvPr>
          <p:cNvSpPr/>
          <p:nvPr/>
        </p:nvSpPr>
        <p:spPr>
          <a:xfrm>
            <a:off x="8229576" y="2650038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33" name="Group 59">
            <a:extLst>
              <a:ext uri="{FF2B5EF4-FFF2-40B4-BE49-F238E27FC236}">
                <a16:creationId xmlns:a16="http://schemas.microsoft.com/office/drawing/2014/main" id="{194A5DCD-B8AE-2863-332E-868A6244CD14}"/>
              </a:ext>
            </a:extLst>
          </p:cNvPr>
          <p:cNvGrpSpPr/>
          <p:nvPr/>
        </p:nvGrpSpPr>
        <p:grpSpPr>
          <a:xfrm>
            <a:off x="8746992" y="5562602"/>
            <a:ext cx="3083885" cy="371911"/>
            <a:chOff x="0" y="0"/>
            <a:chExt cx="1082939" cy="172517"/>
          </a:xfrm>
        </p:grpSpPr>
        <p:sp>
          <p:nvSpPr>
            <p:cNvPr id="134" name="Freeform 60">
              <a:extLst>
                <a:ext uri="{FF2B5EF4-FFF2-40B4-BE49-F238E27FC236}">
                  <a16:creationId xmlns:a16="http://schemas.microsoft.com/office/drawing/2014/main" id="{2EDAC19C-B5CD-4582-7C37-D077F1D97213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135" name="TextBox 61">
              <a:extLst>
                <a:ext uri="{FF2B5EF4-FFF2-40B4-BE49-F238E27FC236}">
                  <a16:creationId xmlns:a16="http://schemas.microsoft.com/office/drawing/2014/main" id="{9802C4B9-60D0-559A-1FC6-870B971AD0ED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Sustentabilidad Financiera</a:t>
              </a:r>
            </a:p>
          </p:txBody>
        </p:sp>
      </p:grpSp>
      <p:sp>
        <p:nvSpPr>
          <p:cNvPr id="137" name="AutoShape 50">
            <a:extLst>
              <a:ext uri="{FF2B5EF4-FFF2-40B4-BE49-F238E27FC236}">
                <a16:creationId xmlns:a16="http://schemas.microsoft.com/office/drawing/2014/main" id="{35EB8844-D73A-4303-832C-CA9216EAFCAD}"/>
              </a:ext>
            </a:extLst>
          </p:cNvPr>
          <p:cNvSpPr/>
          <p:nvPr/>
        </p:nvSpPr>
        <p:spPr>
          <a:xfrm>
            <a:off x="8568015" y="1172155"/>
            <a:ext cx="0" cy="446937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38" name="AutoShape 50">
            <a:extLst>
              <a:ext uri="{FF2B5EF4-FFF2-40B4-BE49-F238E27FC236}">
                <a16:creationId xmlns:a16="http://schemas.microsoft.com/office/drawing/2014/main" id="{E0FEC277-B450-BBE2-7925-73D752E4C393}"/>
              </a:ext>
            </a:extLst>
          </p:cNvPr>
          <p:cNvSpPr/>
          <p:nvPr/>
        </p:nvSpPr>
        <p:spPr>
          <a:xfrm>
            <a:off x="1942572" y="1145387"/>
            <a:ext cx="0" cy="302129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2" name="AutoShape 52">
            <a:extLst>
              <a:ext uri="{FF2B5EF4-FFF2-40B4-BE49-F238E27FC236}">
                <a16:creationId xmlns:a16="http://schemas.microsoft.com/office/drawing/2014/main" id="{1B159A66-7971-7E24-D747-7FAD693CD625}"/>
              </a:ext>
            </a:extLst>
          </p:cNvPr>
          <p:cNvSpPr/>
          <p:nvPr/>
        </p:nvSpPr>
        <p:spPr>
          <a:xfrm>
            <a:off x="8236865" y="3211014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3" name="AutoShape 52">
            <a:extLst>
              <a:ext uri="{FF2B5EF4-FFF2-40B4-BE49-F238E27FC236}">
                <a16:creationId xmlns:a16="http://schemas.microsoft.com/office/drawing/2014/main" id="{9343048C-90D5-B624-89A2-D86983364BF5}"/>
              </a:ext>
            </a:extLst>
          </p:cNvPr>
          <p:cNvSpPr/>
          <p:nvPr/>
        </p:nvSpPr>
        <p:spPr>
          <a:xfrm>
            <a:off x="8221334" y="3708216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4" name="AutoShape 52">
            <a:extLst>
              <a:ext uri="{FF2B5EF4-FFF2-40B4-BE49-F238E27FC236}">
                <a16:creationId xmlns:a16="http://schemas.microsoft.com/office/drawing/2014/main" id="{EFACC6CC-EC8F-E5FC-F27E-F8F001FBB71A}"/>
              </a:ext>
            </a:extLst>
          </p:cNvPr>
          <p:cNvSpPr/>
          <p:nvPr/>
        </p:nvSpPr>
        <p:spPr>
          <a:xfrm>
            <a:off x="8229576" y="4184492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5" name="AutoShape 52">
            <a:extLst>
              <a:ext uri="{FF2B5EF4-FFF2-40B4-BE49-F238E27FC236}">
                <a16:creationId xmlns:a16="http://schemas.microsoft.com/office/drawing/2014/main" id="{9ECB412B-7BE4-DF92-188F-84E65C5EA409}"/>
              </a:ext>
            </a:extLst>
          </p:cNvPr>
          <p:cNvSpPr/>
          <p:nvPr/>
        </p:nvSpPr>
        <p:spPr>
          <a:xfrm>
            <a:off x="8257010" y="4681804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6" name="AutoShape 52">
            <a:extLst>
              <a:ext uri="{FF2B5EF4-FFF2-40B4-BE49-F238E27FC236}">
                <a16:creationId xmlns:a16="http://schemas.microsoft.com/office/drawing/2014/main" id="{EF253940-ECB2-43BC-FC6B-85ABB4E8735B}"/>
              </a:ext>
            </a:extLst>
          </p:cNvPr>
          <p:cNvSpPr/>
          <p:nvPr/>
        </p:nvSpPr>
        <p:spPr>
          <a:xfrm>
            <a:off x="8252408" y="5222908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7" name="AutoShape 52">
            <a:extLst>
              <a:ext uri="{FF2B5EF4-FFF2-40B4-BE49-F238E27FC236}">
                <a16:creationId xmlns:a16="http://schemas.microsoft.com/office/drawing/2014/main" id="{3F57005D-F7B9-51F8-4DEE-DE415C3EFACE}"/>
              </a:ext>
            </a:extLst>
          </p:cNvPr>
          <p:cNvSpPr/>
          <p:nvPr/>
        </p:nvSpPr>
        <p:spPr>
          <a:xfrm>
            <a:off x="8246696" y="5730066"/>
            <a:ext cx="497753" cy="13446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148" name="AutoShape 52">
            <a:extLst>
              <a:ext uri="{FF2B5EF4-FFF2-40B4-BE49-F238E27FC236}">
                <a16:creationId xmlns:a16="http://schemas.microsoft.com/office/drawing/2014/main" id="{1071DE76-814E-5BF2-E76C-CBA94348E13C}"/>
              </a:ext>
            </a:extLst>
          </p:cNvPr>
          <p:cNvSpPr/>
          <p:nvPr/>
        </p:nvSpPr>
        <p:spPr>
          <a:xfrm flipV="1">
            <a:off x="8221334" y="6294719"/>
            <a:ext cx="533429" cy="3133"/>
          </a:xfrm>
          <a:prstGeom prst="line">
            <a:avLst/>
          </a:prstGeom>
          <a:ln w="47625" cap="flat">
            <a:solidFill>
              <a:srgbClr val="CF6207"/>
            </a:solidFill>
            <a:prstDash val="solid"/>
            <a:headEnd type="none" w="sm" len="sm"/>
            <a:tailEnd type="none" w="sm" len="sm"/>
          </a:ln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s-ES_tradnl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grpSp>
        <p:nvGrpSpPr>
          <p:cNvPr id="19" name="Group 28">
            <a:extLst>
              <a:ext uri="{FF2B5EF4-FFF2-40B4-BE49-F238E27FC236}">
                <a16:creationId xmlns:a16="http://schemas.microsoft.com/office/drawing/2014/main" id="{DBBFBBA3-3C3D-73B5-3FE3-00E8E0AFC362}"/>
              </a:ext>
            </a:extLst>
          </p:cNvPr>
          <p:cNvGrpSpPr/>
          <p:nvPr/>
        </p:nvGrpSpPr>
        <p:grpSpPr>
          <a:xfrm>
            <a:off x="113877" y="5975279"/>
            <a:ext cx="1226379" cy="210769"/>
            <a:chOff x="0" y="-38100"/>
            <a:chExt cx="436425" cy="353821"/>
          </a:xfrm>
        </p:grpSpPr>
        <p:sp>
          <p:nvSpPr>
            <p:cNvPr id="38" name="Freeform 29">
              <a:extLst>
                <a:ext uri="{FF2B5EF4-FFF2-40B4-BE49-F238E27FC236}">
                  <a16:creationId xmlns:a16="http://schemas.microsoft.com/office/drawing/2014/main" id="{03A262B6-FA6A-2BC9-2670-A40633169E7C}"/>
                </a:ext>
              </a:extLst>
            </p:cNvPr>
            <p:cNvSpPr/>
            <p:nvPr/>
          </p:nvSpPr>
          <p:spPr>
            <a:xfrm>
              <a:off x="0" y="0"/>
              <a:ext cx="436425" cy="213125"/>
            </a:xfrm>
            <a:custGeom>
              <a:avLst/>
              <a:gdLst/>
              <a:ahLst/>
              <a:cxnLst/>
              <a:rect l="l" t="t" r="r" b="b"/>
              <a:pathLst>
                <a:path w="436425" h="213125">
                  <a:moveTo>
                    <a:pt x="106562" y="0"/>
                  </a:moveTo>
                  <a:lnTo>
                    <a:pt x="329863" y="0"/>
                  </a:lnTo>
                  <a:cubicBezTo>
                    <a:pt x="388715" y="0"/>
                    <a:pt x="436425" y="47710"/>
                    <a:pt x="436425" y="106562"/>
                  </a:cubicBezTo>
                  <a:lnTo>
                    <a:pt x="436425" y="106562"/>
                  </a:lnTo>
                  <a:cubicBezTo>
                    <a:pt x="436425" y="165415"/>
                    <a:pt x="388715" y="213125"/>
                    <a:pt x="329863" y="213125"/>
                  </a:cubicBezTo>
                  <a:lnTo>
                    <a:pt x="106562" y="213125"/>
                  </a:lnTo>
                  <a:cubicBezTo>
                    <a:pt x="47710" y="213125"/>
                    <a:pt x="0" y="165415"/>
                    <a:pt x="0" y="106562"/>
                  </a:cubicBezTo>
                  <a:lnTo>
                    <a:pt x="0" y="106562"/>
                  </a:lnTo>
                  <a:cubicBezTo>
                    <a:pt x="0" y="47710"/>
                    <a:pt x="47710" y="0"/>
                    <a:pt x="106562" y="0"/>
                  </a:cubicBezTo>
                  <a:close/>
                </a:path>
              </a:pathLst>
            </a:custGeom>
          </p:spPr>
          <p:style>
            <a:lnRef idx="2">
              <a:schemeClr val="accent6">
                <a:shade val="15000"/>
              </a:schemeClr>
            </a:lnRef>
            <a:fillRef idx="1">
              <a:schemeClr val="accent6"/>
            </a:fillRef>
            <a:effectRef idx="0">
              <a:schemeClr val="accent6"/>
            </a:effectRef>
            <a:fontRef idx="minor">
              <a:schemeClr val="lt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9" name="TextBox 30">
              <a:extLst>
                <a:ext uri="{FF2B5EF4-FFF2-40B4-BE49-F238E27FC236}">
                  <a16:creationId xmlns:a16="http://schemas.microsoft.com/office/drawing/2014/main" id="{0E2C3858-D34A-8C3E-BF3A-4FE7945013AD}"/>
                </a:ext>
              </a:extLst>
            </p:cNvPr>
            <p:cNvSpPr txBox="1"/>
            <p:nvPr/>
          </p:nvSpPr>
          <p:spPr>
            <a:xfrm>
              <a:off x="0" y="-38100"/>
              <a:ext cx="436425" cy="353821"/>
            </a:xfrm>
            <a:prstGeom prst="rect">
              <a:avLst/>
            </a:prstGeom>
          </p:spPr>
          <p:style>
            <a:lnRef idx="2">
              <a:schemeClr val="accent3">
                <a:shade val="15000"/>
              </a:schemeClr>
            </a:lnRef>
            <a:fillRef idx="1">
              <a:schemeClr val="accent3"/>
            </a:fillRef>
            <a:effectRef idx="0">
              <a:schemeClr val="accent3"/>
            </a:effectRef>
            <a:fontRef idx="minor">
              <a:schemeClr val="lt1"/>
            </a:fontRef>
          </p:style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76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00" b="0" i="0" u="none" strike="noStrike" kern="1200" cap="none" spc="94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Operativos</a:t>
              </a:r>
            </a:p>
          </p:txBody>
        </p:sp>
      </p:grpSp>
      <p:grpSp>
        <p:nvGrpSpPr>
          <p:cNvPr id="54" name="Group 59">
            <a:extLst>
              <a:ext uri="{FF2B5EF4-FFF2-40B4-BE49-F238E27FC236}">
                <a16:creationId xmlns:a16="http://schemas.microsoft.com/office/drawing/2014/main" id="{C2EF09B1-0DAB-5B21-A2D4-D58FE7BD2314}"/>
              </a:ext>
            </a:extLst>
          </p:cNvPr>
          <p:cNvGrpSpPr/>
          <p:nvPr/>
        </p:nvGrpSpPr>
        <p:grpSpPr>
          <a:xfrm>
            <a:off x="105888" y="6274591"/>
            <a:ext cx="1240593" cy="229267"/>
            <a:chOff x="0" y="-150150"/>
            <a:chExt cx="1082939" cy="322667"/>
          </a:xfrm>
        </p:grpSpPr>
        <p:sp>
          <p:nvSpPr>
            <p:cNvPr id="55" name="Freeform 60">
              <a:extLst>
                <a:ext uri="{FF2B5EF4-FFF2-40B4-BE49-F238E27FC236}">
                  <a16:creationId xmlns:a16="http://schemas.microsoft.com/office/drawing/2014/main" id="{BEDD9BA3-5CF3-4428-513D-5BBBE02F64D6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  <a:solidFill>
              <a:srgbClr val="CF6207"/>
            </a:solidFill>
          </p:spPr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TextBox 61">
              <a:extLst>
                <a:ext uri="{FF2B5EF4-FFF2-40B4-BE49-F238E27FC236}">
                  <a16:creationId xmlns:a16="http://schemas.microsoft.com/office/drawing/2014/main" id="{18171C30-2BD5-97FE-EB8A-134DF64A3BB9}"/>
                </a:ext>
              </a:extLst>
            </p:cNvPr>
            <p:cNvSpPr txBox="1"/>
            <p:nvPr/>
          </p:nvSpPr>
          <p:spPr>
            <a:xfrm>
              <a:off x="0" y="-150150"/>
              <a:ext cx="1082939" cy="322667"/>
            </a:xfrm>
            <a:prstGeom prst="rect">
              <a:avLst/>
            </a:pr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59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royectos 2024</a:t>
              </a:r>
            </a:p>
          </p:txBody>
        </p:sp>
      </p:grpSp>
      <p:grpSp>
        <p:nvGrpSpPr>
          <p:cNvPr id="58" name="Group 59">
            <a:extLst>
              <a:ext uri="{FF2B5EF4-FFF2-40B4-BE49-F238E27FC236}">
                <a16:creationId xmlns:a16="http://schemas.microsoft.com/office/drawing/2014/main" id="{7F597419-6125-297D-5FDB-B842F0AFF843}"/>
              </a:ext>
            </a:extLst>
          </p:cNvPr>
          <p:cNvGrpSpPr/>
          <p:nvPr/>
        </p:nvGrpSpPr>
        <p:grpSpPr>
          <a:xfrm>
            <a:off x="8711779" y="5989935"/>
            <a:ext cx="3083885" cy="576179"/>
            <a:chOff x="0" y="-38100"/>
            <a:chExt cx="1082939" cy="267270"/>
          </a:xfrm>
        </p:grpSpPr>
        <p:sp>
          <p:nvSpPr>
            <p:cNvPr id="62" name="Freeform 60">
              <a:extLst>
                <a:ext uri="{FF2B5EF4-FFF2-40B4-BE49-F238E27FC236}">
                  <a16:creationId xmlns:a16="http://schemas.microsoft.com/office/drawing/2014/main" id="{A7AFB130-ED41-F12B-3A05-DBD57B955187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63" name="TextBox 61">
              <a:extLst>
                <a:ext uri="{FF2B5EF4-FFF2-40B4-BE49-F238E27FC236}">
                  <a16:creationId xmlns:a16="http://schemas.microsoft.com/office/drawing/2014/main" id="{D9D4C1ED-8FFE-5629-2A87-D3E5E44736B0}"/>
                </a:ext>
              </a:extLst>
            </p:cNvPr>
            <p:cNvSpPr txBox="1"/>
            <p:nvPr/>
          </p:nvSpPr>
          <p:spPr>
            <a:xfrm>
              <a:off x="0" y="-38100"/>
              <a:ext cx="1082939" cy="267270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Requisitos habilitantes y operación </a:t>
              </a:r>
            </a:p>
          </p:txBody>
        </p:sp>
      </p:grpSp>
      <p:grpSp>
        <p:nvGrpSpPr>
          <p:cNvPr id="5" name="Group 59">
            <a:extLst>
              <a:ext uri="{FF2B5EF4-FFF2-40B4-BE49-F238E27FC236}">
                <a16:creationId xmlns:a16="http://schemas.microsoft.com/office/drawing/2014/main" id="{616F97DE-DA7E-822F-A0D0-D5BA6DAC59A8}"/>
              </a:ext>
            </a:extLst>
          </p:cNvPr>
          <p:cNvGrpSpPr/>
          <p:nvPr/>
        </p:nvGrpSpPr>
        <p:grpSpPr>
          <a:xfrm>
            <a:off x="8750161" y="3006243"/>
            <a:ext cx="3083885" cy="371911"/>
            <a:chOff x="0" y="0"/>
            <a:chExt cx="1082939" cy="172517"/>
          </a:xfrm>
        </p:grpSpPr>
        <p:sp>
          <p:nvSpPr>
            <p:cNvPr id="6" name="Freeform 60">
              <a:extLst>
                <a:ext uri="{FF2B5EF4-FFF2-40B4-BE49-F238E27FC236}">
                  <a16:creationId xmlns:a16="http://schemas.microsoft.com/office/drawing/2014/main" id="{C37AE77A-772A-CDEF-C695-DC6D19157404}"/>
                </a:ext>
              </a:extLst>
            </p:cNvPr>
            <p:cNvSpPr/>
            <p:nvPr/>
          </p:nvSpPr>
          <p:spPr>
            <a:xfrm>
              <a:off x="0" y="0"/>
              <a:ext cx="1082939" cy="172517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7" name="TextBox 61">
              <a:extLst>
                <a:ext uri="{FF2B5EF4-FFF2-40B4-BE49-F238E27FC236}">
                  <a16:creationId xmlns:a16="http://schemas.microsoft.com/office/drawing/2014/main" id="{FE1677D0-224A-F973-154F-1FB2C9ED9F3D}"/>
                </a:ext>
              </a:extLst>
            </p:cNvPr>
            <p:cNvSpPr txBox="1"/>
            <p:nvPr/>
          </p:nvSpPr>
          <p:spPr>
            <a:xfrm>
              <a:off x="0" y="-38100"/>
              <a:ext cx="1082939" cy="210617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200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Pesaje Vehicular</a:t>
              </a:r>
            </a:p>
          </p:txBody>
        </p:sp>
      </p:grpSp>
      <p:grpSp>
        <p:nvGrpSpPr>
          <p:cNvPr id="49" name="Group 59">
            <a:extLst>
              <a:ext uri="{FF2B5EF4-FFF2-40B4-BE49-F238E27FC236}">
                <a16:creationId xmlns:a16="http://schemas.microsoft.com/office/drawing/2014/main" id="{579B007A-7C66-720D-5A2A-0670A1ACE09E}"/>
              </a:ext>
            </a:extLst>
          </p:cNvPr>
          <p:cNvGrpSpPr/>
          <p:nvPr/>
        </p:nvGrpSpPr>
        <p:grpSpPr>
          <a:xfrm>
            <a:off x="4943916" y="5831827"/>
            <a:ext cx="3146176" cy="673774"/>
            <a:chOff x="0" y="-70224"/>
            <a:chExt cx="1104813" cy="312541"/>
          </a:xfrm>
        </p:grpSpPr>
        <p:sp>
          <p:nvSpPr>
            <p:cNvPr id="51" name="Freeform 60">
              <a:extLst>
                <a:ext uri="{FF2B5EF4-FFF2-40B4-BE49-F238E27FC236}">
                  <a16:creationId xmlns:a16="http://schemas.microsoft.com/office/drawing/2014/main" id="{922D39BE-C6AC-8941-E8A8-3D6101156FD6}"/>
                </a:ext>
              </a:extLst>
            </p:cNvPr>
            <p:cNvSpPr/>
            <p:nvPr/>
          </p:nvSpPr>
          <p:spPr>
            <a:xfrm>
              <a:off x="0" y="-3682"/>
              <a:ext cx="1082939" cy="176199"/>
            </a:xfrm>
            <a:custGeom>
              <a:avLst/>
              <a:gdLst/>
              <a:ahLst/>
              <a:cxnLst/>
              <a:rect l="l" t="t" r="r" b="b"/>
              <a:pathLst>
                <a:path w="1082939" h="172517">
                  <a:moveTo>
                    <a:pt x="86259" y="0"/>
                  </a:moveTo>
                  <a:lnTo>
                    <a:pt x="996681" y="0"/>
                  </a:lnTo>
                  <a:cubicBezTo>
                    <a:pt x="1019558" y="0"/>
                    <a:pt x="1041498" y="9088"/>
                    <a:pt x="1057675" y="25265"/>
                  </a:cubicBezTo>
                  <a:cubicBezTo>
                    <a:pt x="1073851" y="41441"/>
                    <a:pt x="1082939" y="63381"/>
                    <a:pt x="1082939" y="86259"/>
                  </a:cubicBezTo>
                  <a:lnTo>
                    <a:pt x="1082939" y="86259"/>
                  </a:lnTo>
                  <a:cubicBezTo>
                    <a:pt x="1082939" y="109136"/>
                    <a:pt x="1073851" y="131076"/>
                    <a:pt x="1057675" y="147253"/>
                  </a:cubicBezTo>
                  <a:cubicBezTo>
                    <a:pt x="1041498" y="163429"/>
                    <a:pt x="1019558" y="172517"/>
                    <a:pt x="996681" y="172517"/>
                  </a:cubicBezTo>
                  <a:lnTo>
                    <a:pt x="86259" y="172517"/>
                  </a:lnTo>
                  <a:cubicBezTo>
                    <a:pt x="63381" y="172517"/>
                    <a:pt x="41441" y="163429"/>
                    <a:pt x="25265" y="147253"/>
                  </a:cubicBezTo>
                  <a:cubicBezTo>
                    <a:pt x="9088" y="131076"/>
                    <a:pt x="0" y="109136"/>
                    <a:pt x="0" y="86259"/>
                  </a:cubicBezTo>
                  <a:lnTo>
                    <a:pt x="0" y="86259"/>
                  </a:lnTo>
                  <a:cubicBezTo>
                    <a:pt x="0" y="63381"/>
                    <a:pt x="9088" y="41441"/>
                    <a:pt x="25265" y="25265"/>
                  </a:cubicBezTo>
                  <a:cubicBezTo>
                    <a:pt x="41441" y="9088"/>
                    <a:pt x="63381" y="0"/>
                    <a:pt x="86259" y="0"/>
                  </a:cubicBezTo>
                  <a:close/>
                </a:path>
              </a:pathLst>
            </a:custGeom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s-ES_tradnl" sz="16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3" name="TextBox 61">
              <a:extLst>
                <a:ext uri="{FF2B5EF4-FFF2-40B4-BE49-F238E27FC236}">
                  <a16:creationId xmlns:a16="http://schemas.microsoft.com/office/drawing/2014/main" id="{3EDF8A5C-AC96-1EAE-B10C-1517937D2803}"/>
                </a:ext>
              </a:extLst>
            </p:cNvPr>
            <p:cNvSpPr txBox="1"/>
            <p:nvPr/>
          </p:nvSpPr>
          <p:spPr>
            <a:xfrm>
              <a:off x="21874" y="-70224"/>
              <a:ext cx="1082939" cy="31254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marL="0" marR="0" lvl="0" indent="0" algn="ctr" defTabSz="914400" rtl="0" eaLnBrk="1" fontAlgn="auto" latinLnBrk="0" hangingPunct="1">
                <a:lnSpc>
                  <a:spcPts val="1483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s-ES_tradnl" sz="1067" b="0" i="0" u="none" strike="noStrike" kern="1200" cap="none" spc="79" normalizeH="0" baseline="0" noProof="0">
                  <a:ln>
                    <a:noFill/>
                  </a:ln>
                  <a:solidFill>
                    <a:srgbClr val="000000"/>
                  </a:solidFill>
                  <a:effectLst/>
                  <a:uLnTx/>
                  <a:uFillTx/>
                  <a:latin typeface="Open Sans Bold"/>
                  <a:ea typeface="+mn-ea"/>
                  <a:cs typeface="+mn-cs"/>
                </a:rPr>
                <a:t>Evidencias Digitales infracciones al tránsito y transport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472585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12ED8614-16EE-09F6-9E79-5259C3CF801C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oogle Shape;158;p13">
            <a:extLst>
              <a:ext uri="{FF2B5EF4-FFF2-40B4-BE49-F238E27FC236}">
                <a16:creationId xmlns:a16="http://schemas.microsoft.com/office/drawing/2014/main" id="{A9919B47-E4D3-159E-3E24-CEB97AAF057F}"/>
              </a:ext>
            </a:extLst>
          </p:cNvPr>
          <p:cNvPicPr preferRelativeResize="0"/>
          <p:nvPr/>
        </p:nvPicPr>
        <p:blipFill rotWithShape="1">
          <a:blip r:embed="rId2"/>
          <a:srcRect t="14076"/>
          <a:stretch/>
        </p:blipFill>
        <p:spPr>
          <a:xfrm>
            <a:off x="4264" y="0"/>
            <a:ext cx="12192003" cy="6859675"/>
          </a:xfrm>
          <a:prstGeom prst="rect">
            <a:avLst/>
          </a:prstGeom>
          <a:noFill/>
        </p:spPr>
      </p:pic>
      <p:sp>
        <p:nvSpPr>
          <p:cNvPr id="5" name="Freeform 13">
            <a:extLst>
              <a:ext uri="{FF2B5EF4-FFF2-40B4-BE49-F238E27FC236}">
                <a16:creationId xmlns:a16="http://schemas.microsoft.com/office/drawing/2014/main" id="{3670243C-3FF0-9DCF-5C24-018EF67C6297}"/>
              </a:ext>
            </a:extLst>
          </p:cNvPr>
          <p:cNvSpPr/>
          <p:nvPr/>
        </p:nvSpPr>
        <p:spPr>
          <a:xfrm>
            <a:off x="371165" y="281940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8" name="AutoShape 16">
            <a:extLst>
              <a:ext uri="{FF2B5EF4-FFF2-40B4-BE49-F238E27FC236}">
                <a16:creationId xmlns:a16="http://schemas.microsoft.com/office/drawing/2014/main" id="{2A0F0D6F-A98B-6A53-4A1B-544218602139}"/>
              </a:ext>
            </a:extLst>
          </p:cNvPr>
          <p:cNvSpPr/>
          <p:nvPr/>
        </p:nvSpPr>
        <p:spPr>
          <a:xfrm>
            <a:off x="3200400" y="3428999"/>
            <a:ext cx="1393420" cy="1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2" name="AutoShape 21">
            <a:extLst>
              <a:ext uri="{FF2B5EF4-FFF2-40B4-BE49-F238E27FC236}">
                <a16:creationId xmlns:a16="http://schemas.microsoft.com/office/drawing/2014/main" id="{3741649E-8F02-6E84-D0A9-F08AF3D10A38}"/>
              </a:ext>
            </a:extLst>
          </p:cNvPr>
          <p:cNvSpPr/>
          <p:nvPr/>
        </p:nvSpPr>
        <p:spPr>
          <a:xfrm flipV="1">
            <a:off x="3198105" y="4355038"/>
            <a:ext cx="1395716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8" name="Freeform 27">
            <a:extLst>
              <a:ext uri="{FF2B5EF4-FFF2-40B4-BE49-F238E27FC236}">
                <a16:creationId xmlns:a16="http://schemas.microsoft.com/office/drawing/2014/main" id="{6C628B84-1BE6-3677-A00E-63A379D72A67}"/>
              </a:ext>
            </a:extLst>
          </p:cNvPr>
          <p:cNvSpPr/>
          <p:nvPr/>
        </p:nvSpPr>
        <p:spPr>
          <a:xfrm>
            <a:off x="4724400" y="2060835"/>
            <a:ext cx="2944104" cy="2824655"/>
          </a:xfrm>
          <a:custGeom>
            <a:avLst/>
            <a:gdLst/>
            <a:ahLst/>
            <a:cxnLst/>
            <a:rect l="l" t="t" r="r" b="b"/>
            <a:pathLst>
              <a:path w="4416156" h="4236983">
                <a:moveTo>
                  <a:pt x="0" y="0"/>
                </a:moveTo>
                <a:lnTo>
                  <a:pt x="4416156" y="0"/>
                </a:lnTo>
                <a:lnTo>
                  <a:pt x="4416156" y="4236983"/>
                </a:lnTo>
                <a:lnTo>
                  <a:pt x="0" y="4236983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19" name="TextBox 29">
            <a:extLst>
              <a:ext uri="{FF2B5EF4-FFF2-40B4-BE49-F238E27FC236}">
                <a16:creationId xmlns:a16="http://schemas.microsoft.com/office/drawing/2014/main" id="{24D86EE4-0DCF-96B8-FF24-BCA883B4A4A1}"/>
              </a:ext>
            </a:extLst>
          </p:cNvPr>
          <p:cNvSpPr txBox="1"/>
          <p:nvPr/>
        </p:nvSpPr>
        <p:spPr>
          <a:xfrm>
            <a:off x="510987" y="5847178"/>
            <a:ext cx="10686671" cy="538609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2147"/>
              </a:lnSpc>
            </a:pPr>
            <a:r>
              <a:rPr lang="es-ES_tradnl" b="1" kern="100">
                <a:latin typeface="Nunito" pitchFamily="2" charset="0"/>
                <a:ea typeface="Aptos" panose="020B0004020202020204" pitchFamily="34" charset="0"/>
                <a:cs typeface="Times New Roman" panose="02020603050405020304" pitchFamily="18" charset="0"/>
              </a:rPr>
              <a:t>Propósito: </a:t>
            </a:r>
            <a:r>
              <a:rPr lang="es-ES_tradnl" b="1" i="1" u="sng" kern="100">
                <a:solidFill>
                  <a:schemeClr val="accent2">
                    <a:lumMod val="50000"/>
                  </a:schemeClr>
                </a:solidFill>
                <a:latin typeface="Nunito" pitchFamily="2" charset="0"/>
                <a:ea typeface="Aptos" panose="020B0004020202020204" pitchFamily="34" charset="0"/>
                <a:cs typeface="Times New Roman" panose="02020603050405020304" pitchFamily="18" charset="0"/>
              </a:rPr>
              <a:t>“Mejorar la eficiencia, transparencia y agilidad en los procesos de inspección, vigilancia y control en el sector del transporte a través de Tecnologías Digitales” </a:t>
            </a:r>
            <a:endParaRPr lang="es-ES_tradnl" b="1" kern="100">
              <a:solidFill>
                <a:schemeClr val="accent2">
                  <a:lumMod val="50000"/>
                </a:schemeClr>
              </a:solidFill>
              <a:latin typeface="Nunito" pitchFamily="2" charset="0"/>
              <a:ea typeface="Aptos" panose="020B000402020202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1" name="TextBox 14">
            <a:extLst>
              <a:ext uri="{FF2B5EF4-FFF2-40B4-BE49-F238E27FC236}">
                <a16:creationId xmlns:a16="http://schemas.microsoft.com/office/drawing/2014/main" id="{5BD56B86-CDE0-90F4-D6E7-B0BB1DFD4E85}"/>
              </a:ext>
            </a:extLst>
          </p:cNvPr>
          <p:cNvSpPr txBox="1"/>
          <p:nvPr/>
        </p:nvSpPr>
        <p:spPr>
          <a:xfrm>
            <a:off x="9313557" y="1280494"/>
            <a:ext cx="2388521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DECISIONES OBJETIVAS BASADAS EN DATOS Y EVIDENCIAS DIGITALES</a:t>
            </a:r>
          </a:p>
        </p:txBody>
      </p:sp>
      <p:sp>
        <p:nvSpPr>
          <p:cNvPr id="25" name="TextBox 2">
            <a:extLst>
              <a:ext uri="{FF2B5EF4-FFF2-40B4-BE49-F238E27FC236}">
                <a16:creationId xmlns:a16="http://schemas.microsoft.com/office/drawing/2014/main" id="{91FD092F-DB2C-F3D8-997B-AC2342EF9613}"/>
              </a:ext>
            </a:extLst>
          </p:cNvPr>
          <p:cNvSpPr txBox="1"/>
          <p:nvPr/>
        </p:nvSpPr>
        <p:spPr>
          <a:xfrm>
            <a:off x="1880447" y="123623"/>
            <a:ext cx="843110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s-CO"/>
            </a:defPPr>
            <a:lvl1pPr algn="ctr">
              <a:defRPr sz="2400" b="1">
                <a:latin typeface="Nunito"/>
              </a:defRPr>
            </a:lvl1pPr>
          </a:lstStyle>
          <a:p>
            <a:r>
              <a:rPr lang="es-ES_tradnl"/>
              <a:t>Transformación Digital</a:t>
            </a:r>
          </a:p>
        </p:txBody>
      </p:sp>
      <p:sp>
        <p:nvSpPr>
          <p:cNvPr id="26" name="Freeform 13">
            <a:extLst>
              <a:ext uri="{FF2B5EF4-FFF2-40B4-BE49-F238E27FC236}">
                <a16:creationId xmlns:a16="http://schemas.microsoft.com/office/drawing/2014/main" id="{E6590CA6-0573-47D0-ADA1-902F1BE82CE6}"/>
              </a:ext>
            </a:extLst>
          </p:cNvPr>
          <p:cNvSpPr/>
          <p:nvPr/>
        </p:nvSpPr>
        <p:spPr>
          <a:xfrm>
            <a:off x="371165" y="1095019"/>
            <a:ext cx="2626035" cy="1429927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27" name="Freeform 13">
            <a:extLst>
              <a:ext uri="{FF2B5EF4-FFF2-40B4-BE49-F238E27FC236}">
                <a16:creationId xmlns:a16="http://schemas.microsoft.com/office/drawing/2014/main" id="{58639D52-B610-5D8B-E17F-142FCEBDD4FC}"/>
              </a:ext>
            </a:extLst>
          </p:cNvPr>
          <p:cNvSpPr/>
          <p:nvPr/>
        </p:nvSpPr>
        <p:spPr>
          <a:xfrm>
            <a:off x="371165" y="4382098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1" name="Freeform 13">
            <a:extLst>
              <a:ext uri="{FF2B5EF4-FFF2-40B4-BE49-F238E27FC236}">
                <a16:creationId xmlns:a16="http://schemas.microsoft.com/office/drawing/2014/main" id="{C28D32B6-9FA7-7AE4-ECE4-F9301E65FD93}"/>
              </a:ext>
            </a:extLst>
          </p:cNvPr>
          <p:cNvSpPr/>
          <p:nvPr/>
        </p:nvSpPr>
        <p:spPr>
          <a:xfrm>
            <a:off x="9194801" y="281940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2" name="Freeform 13">
            <a:extLst>
              <a:ext uri="{FF2B5EF4-FFF2-40B4-BE49-F238E27FC236}">
                <a16:creationId xmlns:a16="http://schemas.microsoft.com/office/drawing/2014/main" id="{E80BEEB4-50AF-72D3-B614-7B131073EF75}"/>
              </a:ext>
            </a:extLst>
          </p:cNvPr>
          <p:cNvSpPr/>
          <p:nvPr/>
        </p:nvSpPr>
        <p:spPr>
          <a:xfrm>
            <a:off x="9194801" y="1095020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3" name="Freeform 13">
            <a:extLst>
              <a:ext uri="{FF2B5EF4-FFF2-40B4-BE49-F238E27FC236}">
                <a16:creationId xmlns:a16="http://schemas.microsoft.com/office/drawing/2014/main" id="{EB1C319E-4044-DC77-26A8-C5211E4DB41C}"/>
              </a:ext>
            </a:extLst>
          </p:cNvPr>
          <p:cNvSpPr/>
          <p:nvPr/>
        </p:nvSpPr>
        <p:spPr>
          <a:xfrm>
            <a:off x="9194801" y="4382098"/>
            <a:ext cx="2626035" cy="1216380"/>
          </a:xfrm>
          <a:custGeom>
            <a:avLst/>
            <a:gdLst/>
            <a:ahLst/>
            <a:cxnLst/>
            <a:rect l="l" t="t" r="r" b="b"/>
            <a:pathLst>
              <a:path w="3612334" h="1648023">
                <a:moveTo>
                  <a:pt x="0" y="0"/>
                </a:moveTo>
                <a:lnTo>
                  <a:pt x="3612334" y="0"/>
                </a:lnTo>
                <a:lnTo>
                  <a:pt x="3612334" y="1648023"/>
                </a:lnTo>
                <a:lnTo>
                  <a:pt x="0" y="1648023"/>
                </a:lnTo>
                <a:lnTo>
                  <a:pt x="0" y="0"/>
                </a:lnTo>
                <a:close/>
              </a:path>
            </a:pathLst>
          </a:custGeom>
          <a:blipFill>
            <a:blip r:embed="rId3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5" name="TextBox 14">
            <a:extLst>
              <a:ext uri="{FF2B5EF4-FFF2-40B4-BE49-F238E27FC236}">
                <a16:creationId xmlns:a16="http://schemas.microsoft.com/office/drawing/2014/main" id="{ABB58813-A63B-F911-2CDD-9D92416590CB}"/>
              </a:ext>
            </a:extLst>
          </p:cNvPr>
          <p:cNvSpPr txBox="1"/>
          <p:nvPr/>
        </p:nvSpPr>
        <p:spPr>
          <a:xfrm>
            <a:off x="9313557" y="3007120"/>
            <a:ext cx="2388521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DIGITALIZAR Y AUTOMATIZAR PROCESOS OPERATIVOS Y MISIONALES</a:t>
            </a:r>
          </a:p>
        </p:txBody>
      </p:sp>
      <p:sp>
        <p:nvSpPr>
          <p:cNvPr id="36" name="TextBox 14">
            <a:extLst>
              <a:ext uri="{FF2B5EF4-FFF2-40B4-BE49-F238E27FC236}">
                <a16:creationId xmlns:a16="http://schemas.microsoft.com/office/drawing/2014/main" id="{4114221E-5DF4-7A2F-93E0-522710689512}"/>
              </a:ext>
            </a:extLst>
          </p:cNvPr>
          <p:cNvSpPr txBox="1"/>
          <p:nvPr/>
        </p:nvSpPr>
        <p:spPr>
          <a:xfrm>
            <a:off x="9290111" y="4440136"/>
            <a:ext cx="2411968" cy="1100301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INTEROPERABILIDAD CON ACTORES RELACIONADOS CON EL SECTOR TRANSPORTE</a:t>
            </a:r>
          </a:p>
        </p:txBody>
      </p:sp>
      <p:sp>
        <p:nvSpPr>
          <p:cNvPr id="37" name="TextBox 14">
            <a:extLst>
              <a:ext uri="{FF2B5EF4-FFF2-40B4-BE49-F238E27FC236}">
                <a16:creationId xmlns:a16="http://schemas.microsoft.com/office/drawing/2014/main" id="{75EC10D0-8779-8212-EFE1-8482BB8E85B6}"/>
              </a:ext>
            </a:extLst>
          </p:cNvPr>
          <p:cNvSpPr txBox="1"/>
          <p:nvPr/>
        </p:nvSpPr>
        <p:spPr>
          <a:xfrm>
            <a:off x="436418" y="1107250"/>
            <a:ext cx="2540000" cy="1382430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FORTALECER LA CONFIANZA  Y MEJORAR EL RELACIONAMIENTO CON NUESTROS VIGILADOS Y USUARIOS</a:t>
            </a:r>
          </a:p>
        </p:txBody>
      </p:sp>
      <p:sp>
        <p:nvSpPr>
          <p:cNvPr id="38" name="TextBox 14">
            <a:extLst>
              <a:ext uri="{FF2B5EF4-FFF2-40B4-BE49-F238E27FC236}">
                <a16:creationId xmlns:a16="http://schemas.microsoft.com/office/drawing/2014/main" id="{1D48B6F3-2347-EB7D-9A2B-650FA7E76185}"/>
              </a:ext>
            </a:extLst>
          </p:cNvPr>
          <p:cNvSpPr txBox="1"/>
          <p:nvPr/>
        </p:nvSpPr>
        <p:spPr>
          <a:xfrm>
            <a:off x="436419" y="3016135"/>
            <a:ext cx="2459182" cy="818173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OPTIMIZAR LA SOLICITUD DE INFORMACIÓN </a:t>
            </a:r>
            <a:r>
              <a:rPr lang="es-ES_tradnl" sz="1100" i="1">
                <a:solidFill>
                  <a:schemeClr val="tx1"/>
                </a:solidFill>
                <a:latin typeface="Nunito" pitchFamily="2" charset="0"/>
              </a:rPr>
              <a:t>“SOLO SI ES  NECESARIO”</a:t>
            </a:r>
          </a:p>
        </p:txBody>
      </p:sp>
      <p:sp>
        <p:nvSpPr>
          <p:cNvPr id="39" name="TextBox 14">
            <a:extLst>
              <a:ext uri="{FF2B5EF4-FFF2-40B4-BE49-F238E27FC236}">
                <a16:creationId xmlns:a16="http://schemas.microsoft.com/office/drawing/2014/main" id="{4606E45B-4655-33D2-56CF-D7C1E6CDC493}"/>
              </a:ext>
            </a:extLst>
          </p:cNvPr>
          <p:cNvSpPr txBox="1"/>
          <p:nvPr/>
        </p:nvSpPr>
        <p:spPr>
          <a:xfrm>
            <a:off x="483632" y="4435490"/>
            <a:ext cx="2411968" cy="1100301"/>
          </a:xfrm>
          <a:prstGeom prst="rect">
            <a:avLst/>
          </a:prstGeom>
        </p:spPr>
        <p:txBody>
          <a:bodyPr wrap="square" lIns="0" tIns="0" rIns="0" bIns="0" rtlCol="0" anchor="ctr">
            <a:spAutoFit/>
          </a:bodyPr>
          <a:lstStyle>
            <a:defPPr>
              <a:defRPr lang="es-CO"/>
            </a:defPPr>
            <a:lvl1pPr algn="ctr">
              <a:lnSpc>
                <a:spcPts val="2201"/>
              </a:lnSpc>
              <a:defRPr sz="1200" b="1" spc="110">
                <a:solidFill>
                  <a:schemeClr val="tx2">
                    <a:lumMod val="50000"/>
                  </a:schemeClr>
                </a:solidFill>
                <a:latin typeface="Raleway Bold"/>
              </a:defRPr>
            </a:lvl1pPr>
          </a:lstStyle>
          <a:p>
            <a:r>
              <a:rPr lang="es-ES_tradnl" sz="1100">
                <a:solidFill>
                  <a:schemeClr val="tx1"/>
                </a:solidFill>
                <a:latin typeface="Nunito" pitchFamily="2" charset="0"/>
              </a:rPr>
              <a:t>FACILITAR EL REPORTE DE LA INFORMACIÓN  A TRAVÉS DE CANALES 100% DIGITALES</a:t>
            </a:r>
          </a:p>
        </p:txBody>
      </p:sp>
      <p:sp>
        <p:nvSpPr>
          <p:cNvPr id="41" name="AutoShape 21">
            <a:extLst>
              <a:ext uri="{FF2B5EF4-FFF2-40B4-BE49-F238E27FC236}">
                <a16:creationId xmlns:a16="http://schemas.microsoft.com/office/drawing/2014/main" id="{23484416-A08B-C2B9-7648-1C1D583B7B33}"/>
              </a:ext>
            </a:extLst>
          </p:cNvPr>
          <p:cNvSpPr/>
          <p:nvPr/>
        </p:nvSpPr>
        <p:spPr>
          <a:xfrm>
            <a:off x="3198104" y="1901774"/>
            <a:ext cx="1395716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2" name="AutoShape 16">
            <a:extLst>
              <a:ext uri="{FF2B5EF4-FFF2-40B4-BE49-F238E27FC236}">
                <a16:creationId xmlns:a16="http://schemas.microsoft.com/office/drawing/2014/main" id="{5C20FF7D-B23C-3100-17C9-EAC1F9D100CC}"/>
              </a:ext>
            </a:extLst>
          </p:cNvPr>
          <p:cNvSpPr/>
          <p:nvPr/>
        </p:nvSpPr>
        <p:spPr>
          <a:xfrm>
            <a:off x="7799084" y="3393916"/>
            <a:ext cx="1252772" cy="81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3" name="AutoShape 21">
            <a:extLst>
              <a:ext uri="{FF2B5EF4-FFF2-40B4-BE49-F238E27FC236}">
                <a16:creationId xmlns:a16="http://schemas.microsoft.com/office/drawing/2014/main" id="{1692CC24-7E35-3336-F6DD-630D90DEE367}"/>
              </a:ext>
            </a:extLst>
          </p:cNvPr>
          <p:cNvSpPr/>
          <p:nvPr/>
        </p:nvSpPr>
        <p:spPr>
          <a:xfrm>
            <a:off x="7799084" y="4287772"/>
            <a:ext cx="1252773" cy="597717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47" name="AutoShape 21">
            <a:extLst>
              <a:ext uri="{FF2B5EF4-FFF2-40B4-BE49-F238E27FC236}">
                <a16:creationId xmlns:a16="http://schemas.microsoft.com/office/drawing/2014/main" id="{81E8BB3B-4934-ED07-C0A7-6783DD7ECD7B}"/>
              </a:ext>
            </a:extLst>
          </p:cNvPr>
          <p:cNvSpPr/>
          <p:nvPr/>
        </p:nvSpPr>
        <p:spPr>
          <a:xfrm flipV="1">
            <a:off x="7799084" y="1901448"/>
            <a:ext cx="1141717" cy="658603"/>
          </a:xfrm>
          <a:prstGeom prst="line">
            <a:avLst/>
          </a:prstGeom>
          <a:ln>
            <a:headEnd type="none" w="sm" len="sm"/>
            <a:tailEnd type="none" w="sm" len="sm"/>
          </a:ln>
        </p:spPr>
        <p:style>
          <a:lnRef idx="2">
            <a:schemeClr val="accent5"/>
          </a:lnRef>
          <a:fillRef idx="0">
            <a:schemeClr val="accent5"/>
          </a:fillRef>
          <a:effectRef idx="1">
            <a:schemeClr val="accent5"/>
          </a:effectRef>
          <a:fontRef idx="minor">
            <a:schemeClr val="tx1"/>
          </a:fontRef>
        </p:style>
        <p:txBody>
          <a:bodyPr/>
          <a:lstStyle/>
          <a:p>
            <a:endParaRPr lang="es-ES_tradnl" sz="1200">
              <a:latin typeface="Nunito" pitchFamily="2" charset="0"/>
            </a:endParaRPr>
          </a:p>
        </p:txBody>
      </p:sp>
      <p:sp>
        <p:nvSpPr>
          <p:cNvPr id="3" name="Google Shape;159;p13">
            <a:extLst>
              <a:ext uri="{FF2B5EF4-FFF2-40B4-BE49-F238E27FC236}">
                <a16:creationId xmlns:a16="http://schemas.microsoft.com/office/drawing/2014/main" id="{0EB93E7E-0D4F-3A60-EF2B-5C4CD6BDD682}"/>
              </a:ext>
            </a:extLst>
          </p:cNvPr>
          <p:cNvSpPr txBox="1"/>
          <p:nvPr/>
        </p:nvSpPr>
        <p:spPr>
          <a:xfrm>
            <a:off x="5039614" y="6599645"/>
            <a:ext cx="2455468" cy="3073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s-CO" sz="1400" b="1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rPr>
              <a:t>www.supertransporte.gov.co</a:t>
            </a:r>
            <a:endParaRPr sz="1400" b="1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2AFC62CA-CBEA-A6CD-417B-05785294126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54022" y="215116"/>
            <a:ext cx="1622279" cy="651280"/>
          </a:xfrm>
          <a:prstGeom prst="rect">
            <a:avLst/>
          </a:prstGeom>
        </p:spPr>
      </p:pic>
      <p:pic>
        <p:nvPicPr>
          <p:cNvPr id="6" name="Imagen 5">
            <a:extLst>
              <a:ext uri="{FF2B5EF4-FFF2-40B4-BE49-F238E27FC236}">
                <a16:creationId xmlns:a16="http://schemas.microsoft.com/office/drawing/2014/main" id="{FB6AD958-056C-082F-A5F5-54C2749F7BD6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0770919" y="232491"/>
            <a:ext cx="953303" cy="729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97483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F5A7D251-154E-9CC6-0199-1C3A427EF0B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oogle Shape;158;p13">
            <a:extLst>
              <a:ext uri="{FF2B5EF4-FFF2-40B4-BE49-F238E27FC236}">
                <a16:creationId xmlns:a16="http://schemas.microsoft.com/office/drawing/2014/main" id="{D140A591-37AA-6EF8-41B7-708115169E59}"/>
              </a:ext>
            </a:extLst>
          </p:cNvPr>
          <p:cNvPicPr preferRelativeResize="0"/>
          <p:nvPr/>
        </p:nvPicPr>
        <p:blipFill rotWithShape="1">
          <a:blip r:embed="rId2"/>
          <a:srcRect t="14076"/>
          <a:stretch/>
        </p:blipFill>
        <p:spPr>
          <a:xfrm>
            <a:off x="-8049" y="271393"/>
            <a:ext cx="12192003" cy="6882707"/>
          </a:xfrm>
          <a:prstGeom prst="rect">
            <a:avLst/>
          </a:prstGeom>
          <a:noFill/>
        </p:spPr>
      </p:pic>
      <p:sp>
        <p:nvSpPr>
          <p:cNvPr id="8" name="TextBox 2">
            <a:extLst>
              <a:ext uri="{FF2B5EF4-FFF2-40B4-BE49-F238E27FC236}">
                <a16:creationId xmlns:a16="http://schemas.microsoft.com/office/drawing/2014/main" id="{EA942E8D-F18F-B8F3-85AB-921D75FCFE71}"/>
              </a:ext>
            </a:extLst>
          </p:cNvPr>
          <p:cNvSpPr txBox="1"/>
          <p:nvPr/>
        </p:nvSpPr>
        <p:spPr>
          <a:xfrm>
            <a:off x="2130322" y="271393"/>
            <a:ext cx="833332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s-CO"/>
            </a:defPPr>
            <a:lvl1pPr algn="ctr">
              <a:defRPr sz="2400" b="1">
                <a:solidFill>
                  <a:schemeClr val="accent2"/>
                </a:solidFill>
                <a:latin typeface="Nunito"/>
              </a:defRPr>
            </a:lvl1pPr>
          </a:lstStyle>
          <a:p>
            <a:r>
              <a:rPr lang="es-ES_tradnl">
                <a:solidFill>
                  <a:schemeClr val="tx1"/>
                </a:solidFill>
              </a:rPr>
              <a:t>Proyectos Estratégicos</a:t>
            </a:r>
          </a:p>
        </p:txBody>
      </p:sp>
      <p:sp>
        <p:nvSpPr>
          <p:cNvPr id="10" name="TextBox 17">
            <a:extLst>
              <a:ext uri="{FF2B5EF4-FFF2-40B4-BE49-F238E27FC236}">
                <a16:creationId xmlns:a16="http://schemas.microsoft.com/office/drawing/2014/main" id="{39BC7C5A-E7F7-123D-F80E-4F3210706EC1}"/>
              </a:ext>
            </a:extLst>
          </p:cNvPr>
          <p:cNvSpPr txBox="1"/>
          <p:nvPr/>
        </p:nvSpPr>
        <p:spPr>
          <a:xfrm>
            <a:off x="721529" y="1639635"/>
            <a:ext cx="2309543" cy="53989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 defTabSz="914446">
              <a:lnSpc>
                <a:spcPts val="2199"/>
              </a:lnSpc>
            </a:pPr>
            <a:r>
              <a:rPr lang="es-ES_tradnl" sz="1200" b="1" spc="73">
                <a:latin typeface="Nunito" pitchFamily="2" charset="0"/>
              </a:rPr>
              <a:t>INTEROPERABILIDAD DE DATOS</a:t>
            </a:r>
          </a:p>
        </p:txBody>
      </p:sp>
      <p:sp>
        <p:nvSpPr>
          <p:cNvPr id="11" name="Dodecágono 10">
            <a:extLst>
              <a:ext uri="{FF2B5EF4-FFF2-40B4-BE49-F238E27FC236}">
                <a16:creationId xmlns:a16="http://schemas.microsoft.com/office/drawing/2014/main" id="{CF6FE617-A327-139B-EE12-4D522F611771}"/>
              </a:ext>
            </a:extLst>
          </p:cNvPr>
          <p:cNvSpPr/>
          <p:nvPr/>
        </p:nvSpPr>
        <p:spPr>
          <a:xfrm>
            <a:off x="149976" y="1693621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1</a:t>
            </a:r>
          </a:p>
        </p:txBody>
      </p:sp>
      <p:sp>
        <p:nvSpPr>
          <p:cNvPr id="13" name="TextBox 18">
            <a:extLst>
              <a:ext uri="{FF2B5EF4-FFF2-40B4-BE49-F238E27FC236}">
                <a16:creationId xmlns:a16="http://schemas.microsoft.com/office/drawing/2014/main" id="{8348A2A9-0AB3-BADF-B3D4-C6C8077BA006}"/>
              </a:ext>
            </a:extLst>
          </p:cNvPr>
          <p:cNvSpPr txBox="1"/>
          <p:nvPr/>
        </p:nvSpPr>
        <p:spPr>
          <a:xfrm>
            <a:off x="4748385" y="1741289"/>
            <a:ext cx="2970693" cy="25776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>
            <a:defPPr>
              <a:defRPr lang="es-CO"/>
            </a:defPPr>
            <a:lvl1pPr algn="ctr">
              <a:lnSpc>
                <a:spcPts val="2199"/>
              </a:lnSpc>
              <a:defRPr sz="1600" spc="109">
                <a:solidFill>
                  <a:srgbClr val="000000"/>
                </a:solidFill>
                <a:latin typeface="Raleway Bold"/>
              </a:defRPr>
            </a:lvl1pPr>
          </a:lstStyle>
          <a:p>
            <a:pPr defTabSz="914446"/>
            <a:r>
              <a:rPr lang="es-ES_tradnl" sz="1200" b="1" spc="73">
                <a:solidFill>
                  <a:schemeClr val="tx1"/>
                </a:solidFill>
                <a:latin typeface="Nunito" pitchFamily="2" charset="0"/>
              </a:rPr>
              <a:t>OBSERVATORIO VIC TRANSPORTE </a:t>
            </a:r>
          </a:p>
        </p:txBody>
      </p:sp>
      <p:sp>
        <p:nvSpPr>
          <p:cNvPr id="15" name="Dodecágono 14">
            <a:extLst>
              <a:ext uri="{FF2B5EF4-FFF2-40B4-BE49-F238E27FC236}">
                <a16:creationId xmlns:a16="http://schemas.microsoft.com/office/drawing/2014/main" id="{F946A389-EAE8-9CBE-29E8-DD1150D6FC85}"/>
              </a:ext>
            </a:extLst>
          </p:cNvPr>
          <p:cNvSpPr/>
          <p:nvPr/>
        </p:nvSpPr>
        <p:spPr>
          <a:xfrm>
            <a:off x="4237019" y="1693621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2</a:t>
            </a:r>
          </a:p>
        </p:txBody>
      </p:sp>
      <p:sp>
        <p:nvSpPr>
          <p:cNvPr id="16" name="Dodecágono 15">
            <a:extLst>
              <a:ext uri="{FF2B5EF4-FFF2-40B4-BE49-F238E27FC236}">
                <a16:creationId xmlns:a16="http://schemas.microsoft.com/office/drawing/2014/main" id="{96F39943-B033-F6E8-8FC1-111019CC14F3}"/>
              </a:ext>
            </a:extLst>
          </p:cNvPr>
          <p:cNvSpPr/>
          <p:nvPr/>
        </p:nvSpPr>
        <p:spPr>
          <a:xfrm>
            <a:off x="8541934" y="1678620"/>
            <a:ext cx="416584" cy="393999"/>
          </a:xfrm>
          <a:prstGeom prst="dodecagon">
            <a:avLst/>
          </a:prstGeom>
          <a:solidFill>
            <a:schemeClr val="accent6">
              <a:lumMod val="75000"/>
            </a:schemeClr>
          </a:solidFill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 defTabSz="914446"/>
            <a:r>
              <a:rPr lang="es-ES_tradnl" sz="200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Nunito" pitchFamily="2" charset="0"/>
              </a:rPr>
              <a:t>3</a:t>
            </a:r>
          </a:p>
        </p:txBody>
      </p:sp>
      <p:pic>
        <p:nvPicPr>
          <p:cNvPr id="17" name="Picture 13">
            <a:extLst>
              <a:ext uri="{FF2B5EF4-FFF2-40B4-BE49-F238E27FC236}">
                <a16:creationId xmlns:a16="http://schemas.microsoft.com/office/drawing/2014/main" id="{73444FA0-A1F3-2899-B724-ECBB1F6861D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03900" y="1072527"/>
            <a:ext cx="784198" cy="561655"/>
          </a:xfrm>
          <a:prstGeom prst="rect">
            <a:avLst/>
          </a:prstGeom>
        </p:spPr>
      </p:pic>
      <p:pic>
        <p:nvPicPr>
          <p:cNvPr id="12290" name="Picture 2" descr="Interoperability Difference Stock Illustration - Download Image Now -  Interoperability, Icon Symbol, Chance - iStock">
            <a:extLst>
              <a:ext uri="{FF2B5EF4-FFF2-40B4-BE49-F238E27FC236}">
                <a16:creationId xmlns:a16="http://schemas.microsoft.com/office/drawing/2014/main" id="{86DE3F1B-8563-EE0F-5CD3-06845D40E03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526" t="13560" r="8386" b="9169"/>
          <a:stretch/>
        </p:blipFill>
        <p:spPr bwMode="auto">
          <a:xfrm>
            <a:off x="1574466" y="1071933"/>
            <a:ext cx="660401" cy="6216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extBox 16">
            <a:extLst>
              <a:ext uri="{FF2B5EF4-FFF2-40B4-BE49-F238E27FC236}">
                <a16:creationId xmlns:a16="http://schemas.microsoft.com/office/drawing/2014/main" id="{8DDCED78-B2AC-1EBE-7222-C04B98E9ABEA}"/>
              </a:ext>
            </a:extLst>
          </p:cNvPr>
          <p:cNvSpPr txBox="1"/>
          <p:nvPr/>
        </p:nvSpPr>
        <p:spPr>
          <a:xfrm>
            <a:off x="510700" y="2610996"/>
            <a:ext cx="2939157" cy="343953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REGISTRADURIA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PROCURADURIA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MINTRANSPORTE 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RUNT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RNDC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IP/ REV ( PEAJES ELECTRONICOS)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SIMITT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RUES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SICOV Intrusivo ( CDA, CEA, CRC )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ANSV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INVIAS</a:t>
            </a:r>
          </a:p>
          <a:p>
            <a:pPr marL="0" lvl="1" indent="-122355" defTabSz="914446">
              <a:lnSpc>
                <a:spcPts val="2199"/>
              </a:lnSpc>
              <a:buFont typeface="Arial"/>
              <a:buChar char="•"/>
            </a:pPr>
            <a:r>
              <a:rPr lang="es-ES_tradnl" sz="1100" spc="73">
                <a:latin typeface="Nunito" pitchFamily="2" charset="0"/>
              </a:rPr>
              <a:t>Sistema de Vías Inteligentes - VITTS</a:t>
            </a: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>
              <a:latin typeface="Nunito" pitchFamily="2" charset="0"/>
            </a:endParaRPr>
          </a:p>
        </p:txBody>
      </p:sp>
      <p:sp>
        <p:nvSpPr>
          <p:cNvPr id="19" name="Freeform 2">
            <a:extLst>
              <a:ext uri="{FF2B5EF4-FFF2-40B4-BE49-F238E27FC236}">
                <a16:creationId xmlns:a16="http://schemas.microsoft.com/office/drawing/2014/main" id="{12117534-0AF4-E174-6E47-DB5BD7038DBF}"/>
              </a:ext>
            </a:extLst>
          </p:cNvPr>
          <p:cNvSpPr/>
          <p:nvPr/>
        </p:nvSpPr>
        <p:spPr>
          <a:xfrm>
            <a:off x="231433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0" name="Freeform 2">
            <a:extLst>
              <a:ext uri="{FF2B5EF4-FFF2-40B4-BE49-F238E27FC236}">
                <a16:creationId xmlns:a16="http://schemas.microsoft.com/office/drawing/2014/main" id="{9AE49B5F-B254-5515-A44D-C244A8467E88}"/>
              </a:ext>
            </a:extLst>
          </p:cNvPr>
          <p:cNvSpPr/>
          <p:nvPr/>
        </p:nvSpPr>
        <p:spPr>
          <a:xfrm>
            <a:off x="4445311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1" name="Freeform 2">
            <a:extLst>
              <a:ext uri="{FF2B5EF4-FFF2-40B4-BE49-F238E27FC236}">
                <a16:creationId xmlns:a16="http://schemas.microsoft.com/office/drawing/2014/main" id="{11448A6E-1EC1-9012-7097-36356C799174}"/>
              </a:ext>
            </a:extLst>
          </p:cNvPr>
          <p:cNvSpPr/>
          <p:nvPr/>
        </p:nvSpPr>
        <p:spPr>
          <a:xfrm>
            <a:off x="8663097" y="2172497"/>
            <a:ext cx="3273767" cy="4253703"/>
          </a:xfrm>
          <a:custGeom>
            <a:avLst/>
            <a:gdLst/>
            <a:ahLst/>
            <a:cxnLst/>
            <a:rect l="l" t="t" r="r" b="b"/>
            <a:pathLst>
              <a:path w="5439855" h="5059065">
                <a:moveTo>
                  <a:pt x="0" y="0"/>
                </a:moveTo>
                <a:lnTo>
                  <a:pt x="5439855" y="0"/>
                </a:lnTo>
                <a:lnTo>
                  <a:pt x="5439855" y="5059065"/>
                </a:lnTo>
                <a:lnTo>
                  <a:pt x="0" y="5059065"/>
                </a:lnTo>
                <a:lnTo>
                  <a:pt x="0" y="0"/>
                </a:lnTo>
                <a:close/>
              </a:path>
            </a:pathLst>
          </a:custGeom>
          <a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pPr defTabSz="914446"/>
            <a:endParaRPr lang="es-ES_tradnl" sz="1400">
              <a:solidFill>
                <a:prstClr val="black"/>
              </a:solidFill>
              <a:latin typeface="Nunito" pitchFamily="2" charset="0"/>
            </a:endParaRPr>
          </a:p>
        </p:txBody>
      </p:sp>
      <p:sp>
        <p:nvSpPr>
          <p:cNvPr id="22" name="TextBox 18">
            <a:extLst>
              <a:ext uri="{FF2B5EF4-FFF2-40B4-BE49-F238E27FC236}">
                <a16:creationId xmlns:a16="http://schemas.microsoft.com/office/drawing/2014/main" id="{E7C26226-7458-BA55-1AE3-372C8E0AECF3}"/>
              </a:ext>
            </a:extLst>
          </p:cNvPr>
          <p:cNvSpPr txBox="1"/>
          <p:nvPr/>
        </p:nvSpPr>
        <p:spPr>
          <a:xfrm>
            <a:off x="9107703" y="1724184"/>
            <a:ext cx="2970693" cy="25776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>
            <a:defPPr>
              <a:defRPr lang="es-CO"/>
            </a:defPPr>
            <a:lvl1pPr algn="ctr">
              <a:lnSpc>
                <a:spcPts val="2199"/>
              </a:lnSpc>
              <a:defRPr sz="1600" spc="109">
                <a:solidFill>
                  <a:srgbClr val="000000"/>
                </a:solidFill>
                <a:latin typeface="Raleway Bold"/>
              </a:defRPr>
            </a:lvl1pPr>
          </a:lstStyle>
          <a:p>
            <a:pPr defTabSz="914446"/>
            <a:r>
              <a:rPr lang="es-ES_tradnl" sz="1200" b="1" spc="73">
                <a:solidFill>
                  <a:schemeClr val="tx1"/>
                </a:solidFill>
                <a:latin typeface="Nunito" pitchFamily="2" charset="0"/>
              </a:rPr>
              <a:t>SUPERINTENDENCIA DIGITAL</a:t>
            </a:r>
          </a:p>
        </p:txBody>
      </p:sp>
      <p:sp>
        <p:nvSpPr>
          <p:cNvPr id="23" name="Freeform 8">
            <a:extLst>
              <a:ext uri="{FF2B5EF4-FFF2-40B4-BE49-F238E27FC236}">
                <a16:creationId xmlns:a16="http://schemas.microsoft.com/office/drawing/2014/main" id="{2163BCCF-6F86-1DE4-61FF-53D3FF917087}"/>
              </a:ext>
            </a:extLst>
          </p:cNvPr>
          <p:cNvSpPr/>
          <p:nvPr/>
        </p:nvSpPr>
        <p:spPr>
          <a:xfrm>
            <a:off x="9921480" y="1072526"/>
            <a:ext cx="757000" cy="561655"/>
          </a:xfrm>
          <a:custGeom>
            <a:avLst/>
            <a:gdLst/>
            <a:ahLst/>
            <a:cxnLst/>
            <a:rect l="l" t="t" r="r" b="b"/>
            <a:pathLst>
              <a:path w="1777995" h="1777995">
                <a:moveTo>
                  <a:pt x="0" y="0"/>
                </a:moveTo>
                <a:lnTo>
                  <a:pt x="1777995" y="0"/>
                </a:lnTo>
                <a:lnTo>
                  <a:pt x="1777995" y="1777995"/>
                </a:lnTo>
                <a:lnTo>
                  <a:pt x="0" y="1777995"/>
                </a:lnTo>
                <a:lnTo>
                  <a:pt x="0" y="0"/>
                </a:lnTo>
                <a:close/>
              </a:path>
            </a:pathLst>
          </a:custGeom>
          <a:blipFill>
            <a:blip r:embed="rId8">
              <a:alphaModFix amt="77000"/>
            </a:blip>
            <a:stretch>
              <a:fillRect/>
            </a:stretch>
          </a:blipFill>
        </p:spPr>
        <p:txBody>
          <a:bodyPr/>
          <a:lstStyle/>
          <a:p>
            <a:endParaRPr lang="es-ES_tradnl" sz="1400">
              <a:latin typeface="Nunito" pitchFamily="2" charset="0"/>
            </a:endParaRPr>
          </a:p>
        </p:txBody>
      </p:sp>
      <p:sp>
        <p:nvSpPr>
          <p:cNvPr id="25" name="TextBox 16">
            <a:extLst>
              <a:ext uri="{FF2B5EF4-FFF2-40B4-BE49-F238E27FC236}">
                <a16:creationId xmlns:a16="http://schemas.microsoft.com/office/drawing/2014/main" id="{FF842DC5-B144-A339-85DA-41DDA36CC7EC}"/>
              </a:ext>
            </a:extLst>
          </p:cNvPr>
          <p:cNvSpPr txBox="1"/>
          <p:nvPr/>
        </p:nvSpPr>
        <p:spPr>
          <a:xfrm>
            <a:off x="4661418" y="2328869"/>
            <a:ext cx="2939157" cy="400378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CONTROL DE EVASIÓN SOAR /RTM</a:t>
            </a:r>
          </a:p>
          <a:p>
            <a:pPr marL="0" lvl="1" defTabSz="914446">
              <a:lnSpc>
                <a:spcPts val="2199"/>
              </a:lnSpc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POLIZAS CONTRACTUALES Y EXTRACONTRACTUALES 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ESTADÍSTICAS DE TRÁFICO PORTUARIO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VISOR GEOGRÁFICO DE PUERTOS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INDICADORES FINANCIEROS</a:t>
            </a: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endParaRPr lang="es-ES_tradnl" sz="1100" spc="73">
              <a:latin typeface="Nunito" pitchFamily="2" charset="0"/>
            </a:endParaRPr>
          </a:p>
          <a:p>
            <a:pPr marL="68154" lvl="1" indent="-190510" defTabSz="914446">
              <a:lnSpc>
                <a:spcPts val="2199"/>
              </a:lnSpc>
              <a:buFont typeface="Wingdings" pitchFamily="2" charset="2"/>
              <a:buChar char="v"/>
            </a:pPr>
            <a:r>
              <a:rPr lang="es-ES_tradnl" sz="1100" spc="73">
                <a:latin typeface="Nunito" pitchFamily="2" charset="0"/>
              </a:rPr>
              <a:t>SEGUIMIENTO PESV,  PECCIT , POLIZAS, TERMINALES</a:t>
            </a: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>
              <a:latin typeface="Nunito" pitchFamily="2" charset="0"/>
            </a:endParaRPr>
          </a:p>
        </p:txBody>
      </p:sp>
      <p:sp>
        <p:nvSpPr>
          <p:cNvPr id="26" name="TextBox 16">
            <a:extLst>
              <a:ext uri="{FF2B5EF4-FFF2-40B4-BE49-F238E27FC236}">
                <a16:creationId xmlns:a16="http://schemas.microsoft.com/office/drawing/2014/main" id="{F54F0B82-4EAC-AE08-7E3C-9BF5DFD90642}"/>
              </a:ext>
            </a:extLst>
          </p:cNvPr>
          <p:cNvSpPr txBox="1"/>
          <p:nvPr/>
        </p:nvSpPr>
        <p:spPr>
          <a:xfrm>
            <a:off x="8867481" y="2268299"/>
            <a:ext cx="2939157" cy="4015202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marL="0" lvl="1" algn="just" defTabSz="914446">
              <a:lnSpc>
                <a:spcPts val="2199"/>
              </a:lnSpc>
            </a:pPr>
            <a:r>
              <a:rPr lang="es-ES_tradnl" sz="1100" b="1" spc="73">
                <a:latin typeface="Nunito" pitchFamily="2" charset="0"/>
              </a:rPr>
              <a:t>Canal 100% digital para acceder a los servicios digitales de la entidad:</a:t>
            </a:r>
          </a:p>
          <a:p>
            <a:pPr marL="0" lvl="1" defTabSz="914446">
              <a:lnSpc>
                <a:spcPts val="2199"/>
              </a:lnSpc>
            </a:pPr>
            <a:endParaRPr lang="es-ES_tradnl" sz="1100" b="1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PETICIONES , QUEJAS Y RECLAMOS </a:t>
            </a:r>
          </a:p>
          <a:p>
            <a:pPr marL="0" lvl="1" defTabSz="914446">
              <a:lnSpc>
                <a:spcPts val="2199"/>
              </a:lnSpc>
            </a:pPr>
            <a:endParaRPr lang="es-ES_tradnl" sz="110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INFORMES ÚNICOS DE INFRACCIONES AL TRANSPORTE – IUIT</a:t>
            </a:r>
          </a:p>
          <a:p>
            <a:pPr marL="0" lvl="1" defTabSz="914446">
              <a:lnSpc>
                <a:spcPts val="2199"/>
              </a:lnSpc>
            </a:pPr>
            <a:endParaRPr lang="es-ES_tradnl" sz="105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SOLICITUD, REVISIÓN Y APROBACIÓN DE RETIRO DE VEHÍCULOS INMOVILIZADOS</a:t>
            </a: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endParaRPr lang="es-ES_tradnl" sz="1100" spc="73">
              <a:latin typeface="Nunito" pitchFamily="2" charset="0"/>
            </a:endParaRPr>
          </a:p>
          <a:p>
            <a:pPr marL="0" lvl="1" indent="-190510" defTabSz="914446">
              <a:lnSpc>
                <a:spcPts val="2199"/>
              </a:lnSpc>
              <a:buFont typeface="Wingdings" pitchFamily="2" charset="2"/>
              <a:buChar char="q"/>
            </a:pPr>
            <a:r>
              <a:rPr lang="es-ES_tradnl" sz="1100" spc="73">
                <a:latin typeface="Nunito" pitchFamily="2" charset="0"/>
              </a:rPr>
              <a:t>INTEGRAR APLICACIONES VIGIA, TAUX, ORFEO,PESV, PECCIT,PECSO</a:t>
            </a:r>
            <a:endParaRPr lang="es-ES_tradnl" sz="1100" b="1" spc="73">
              <a:latin typeface="Nunito" pitchFamily="2" charset="0"/>
            </a:endParaRPr>
          </a:p>
          <a:p>
            <a:pPr marL="35830" lvl="1" indent="-17915" defTabSz="914446">
              <a:lnSpc>
                <a:spcPts val="232"/>
              </a:lnSpc>
              <a:buFont typeface="Arial"/>
              <a:buChar char="•"/>
            </a:pPr>
            <a:endParaRPr lang="es-ES_tradnl" sz="1200" spc="85">
              <a:latin typeface="Nunito" pitchFamily="2" charset="0"/>
            </a:endParaRPr>
          </a:p>
        </p:txBody>
      </p:sp>
      <p:sp>
        <p:nvSpPr>
          <p:cNvPr id="3" name="Google Shape;159;p13">
            <a:extLst>
              <a:ext uri="{FF2B5EF4-FFF2-40B4-BE49-F238E27FC236}">
                <a16:creationId xmlns:a16="http://schemas.microsoft.com/office/drawing/2014/main" id="{AF58A69F-D93F-7B63-43B0-7E8AC828D8C4}"/>
              </a:ext>
            </a:extLst>
          </p:cNvPr>
          <p:cNvSpPr txBox="1"/>
          <p:nvPr/>
        </p:nvSpPr>
        <p:spPr>
          <a:xfrm>
            <a:off x="5039614" y="6599645"/>
            <a:ext cx="2455468" cy="3073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45700" rIns="91425" bIns="45700" anchor="t" anchorCtr="0">
            <a:spAutoFit/>
          </a:bodyPr>
          <a:lstStyle/>
          <a:p>
            <a:pPr marL="0" marR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es-CO" sz="1400" b="1" i="0" u="none" strike="noStrike" cap="none">
                <a:solidFill>
                  <a:schemeClr val="lt1"/>
                </a:solidFill>
                <a:latin typeface="Calibri"/>
                <a:ea typeface="Calibri"/>
                <a:cs typeface="Calibri"/>
                <a:sym typeface="Calibri"/>
              </a:rPr>
              <a:t>www.supertransporte.gov.co</a:t>
            </a:r>
            <a:endParaRPr sz="1400" b="1">
              <a:solidFill>
                <a:schemeClr val="lt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  <p:pic>
        <p:nvPicPr>
          <p:cNvPr id="4" name="Imagen 3">
            <a:extLst>
              <a:ext uri="{FF2B5EF4-FFF2-40B4-BE49-F238E27FC236}">
                <a16:creationId xmlns:a16="http://schemas.microsoft.com/office/drawing/2014/main" id="{8C088241-514A-106E-393A-92CDEE1E1EE4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254022" y="215116"/>
            <a:ext cx="1622279" cy="651280"/>
          </a:xfrm>
          <a:prstGeom prst="rect">
            <a:avLst/>
          </a:prstGeom>
        </p:spPr>
      </p:pic>
      <p:pic>
        <p:nvPicPr>
          <p:cNvPr id="5" name="Imagen 4">
            <a:extLst>
              <a:ext uri="{FF2B5EF4-FFF2-40B4-BE49-F238E27FC236}">
                <a16:creationId xmlns:a16="http://schemas.microsoft.com/office/drawing/2014/main" id="{719440A3-3844-33C4-8CDE-02BCAE3005E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0770919" y="232491"/>
            <a:ext cx="953303" cy="7296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340561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872067" y="2513072"/>
            <a:ext cx="7462770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Resultado Evasión</a:t>
            </a:r>
          </a:p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 SOAT /RTM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0280303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2"/>
          <p:cNvGrpSpPr/>
          <p:nvPr/>
        </p:nvGrpSpPr>
        <p:grpSpPr>
          <a:xfrm>
            <a:off x="0" y="6522668"/>
            <a:ext cx="12192000" cy="295071"/>
            <a:chOff x="0" y="0"/>
            <a:chExt cx="5103511" cy="116571"/>
          </a:xfrm>
        </p:grpSpPr>
        <p:sp>
          <p:nvSpPr>
            <p:cNvPr id="3" name="Freeform 3"/>
            <p:cNvSpPr/>
            <p:nvPr/>
          </p:nvSpPr>
          <p:spPr>
            <a:xfrm>
              <a:off x="0" y="0"/>
              <a:ext cx="5103511" cy="116571"/>
            </a:xfrm>
            <a:custGeom>
              <a:avLst/>
              <a:gdLst/>
              <a:ahLst/>
              <a:cxnLst/>
              <a:rect l="l" t="t" r="r" b="b"/>
              <a:pathLst>
                <a:path w="5103511" h="116571">
                  <a:moveTo>
                    <a:pt x="0" y="0"/>
                  </a:moveTo>
                  <a:lnTo>
                    <a:pt x="5103511" y="0"/>
                  </a:lnTo>
                  <a:lnTo>
                    <a:pt x="5103511" y="116571"/>
                  </a:lnTo>
                  <a:lnTo>
                    <a:pt x="0" y="116571"/>
                  </a:lnTo>
                  <a:close/>
                </a:path>
              </a:pathLst>
            </a:custGeom>
            <a:solidFill>
              <a:srgbClr val="FF5700"/>
            </a:solidFill>
          </p:spPr>
          <p:txBody>
            <a:bodyPr/>
            <a:lstStyle/>
            <a:p>
              <a:endParaRPr lang="es-ES_tradnl" sz="1200"/>
            </a:p>
          </p:txBody>
        </p:sp>
        <p:sp>
          <p:nvSpPr>
            <p:cNvPr id="4" name="TextBox 4"/>
            <p:cNvSpPr txBox="1"/>
            <p:nvPr/>
          </p:nvSpPr>
          <p:spPr>
            <a:xfrm>
              <a:off x="0" y="-57150"/>
              <a:ext cx="5103511" cy="173721"/>
            </a:xfrm>
            <a:prstGeom prst="rect">
              <a:avLst/>
            </a:prstGeom>
          </p:spPr>
          <p:txBody>
            <a:bodyPr lIns="33867" tIns="33867" rIns="33867" bIns="33867" rtlCol="0" anchor="ctr"/>
            <a:lstStyle/>
            <a:p>
              <a:pPr algn="ctr">
                <a:lnSpc>
                  <a:spcPts val="2136"/>
                </a:lnSpc>
              </a:pPr>
              <a:endParaRPr sz="1200"/>
            </a:p>
          </p:txBody>
        </p:sp>
      </p:grpSp>
      <p:sp>
        <p:nvSpPr>
          <p:cNvPr id="5" name="Freeform 5"/>
          <p:cNvSpPr/>
          <p:nvPr/>
        </p:nvSpPr>
        <p:spPr>
          <a:xfrm>
            <a:off x="105886" y="81969"/>
            <a:ext cx="1836686" cy="975991"/>
          </a:xfrm>
          <a:custGeom>
            <a:avLst/>
            <a:gdLst/>
            <a:ahLst/>
            <a:cxnLst/>
            <a:rect l="l" t="t" r="r" b="b"/>
            <a:pathLst>
              <a:path w="2755029" h="1463986">
                <a:moveTo>
                  <a:pt x="0" y="0"/>
                </a:moveTo>
                <a:lnTo>
                  <a:pt x="2755029" y="0"/>
                </a:lnTo>
                <a:lnTo>
                  <a:pt x="2755029" y="1463987"/>
                </a:lnTo>
                <a:lnTo>
                  <a:pt x="0" y="1463987"/>
                </a:lnTo>
                <a:lnTo>
                  <a:pt x="0" y="0"/>
                </a:lnTo>
                <a:close/>
              </a:path>
            </a:pathLst>
          </a:custGeom>
          <a:blipFill>
            <a:blip r:embed="rId2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6" name="Freeform 6"/>
          <p:cNvSpPr/>
          <p:nvPr/>
        </p:nvSpPr>
        <p:spPr>
          <a:xfrm>
            <a:off x="10581932" y="206498"/>
            <a:ext cx="1379099" cy="1010709"/>
          </a:xfrm>
          <a:custGeom>
            <a:avLst/>
            <a:gdLst/>
            <a:ahLst/>
            <a:cxnLst/>
            <a:rect l="l" t="t" r="r" b="b"/>
            <a:pathLst>
              <a:path w="2068648" h="1516064">
                <a:moveTo>
                  <a:pt x="0" y="0"/>
                </a:moveTo>
                <a:lnTo>
                  <a:pt x="2068648" y="0"/>
                </a:lnTo>
                <a:lnTo>
                  <a:pt x="2068648" y="1516064"/>
                </a:lnTo>
                <a:lnTo>
                  <a:pt x="0" y="1516064"/>
                </a:lnTo>
                <a:lnTo>
                  <a:pt x="0" y="0"/>
                </a:lnTo>
                <a:close/>
              </a:path>
            </a:pathLst>
          </a:custGeom>
          <a:blipFill>
            <a:blip r:embed="rId3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7" name="Freeform 7"/>
          <p:cNvSpPr/>
          <p:nvPr/>
        </p:nvSpPr>
        <p:spPr>
          <a:xfrm>
            <a:off x="8781039" y="130411"/>
            <a:ext cx="1637980" cy="1162883"/>
          </a:xfrm>
          <a:custGeom>
            <a:avLst/>
            <a:gdLst/>
            <a:ahLst/>
            <a:cxnLst/>
            <a:rect l="l" t="t" r="r" b="b"/>
            <a:pathLst>
              <a:path w="2456970" h="1744325">
                <a:moveTo>
                  <a:pt x="0" y="0"/>
                </a:moveTo>
                <a:lnTo>
                  <a:pt x="2456971" y="0"/>
                </a:lnTo>
                <a:lnTo>
                  <a:pt x="2456971" y="1744324"/>
                </a:lnTo>
                <a:lnTo>
                  <a:pt x="0" y="1744324"/>
                </a:lnTo>
                <a:lnTo>
                  <a:pt x="0" y="0"/>
                </a:lnTo>
                <a:close/>
              </a:path>
            </a:pathLst>
          </a:custGeom>
          <a:blipFill>
            <a:blip r:embed="rId4"/>
            <a:stretch>
              <a:fillRect/>
            </a:stretch>
          </a:blipFill>
        </p:spPr>
        <p:txBody>
          <a:bodyPr/>
          <a:lstStyle/>
          <a:p>
            <a:endParaRPr lang="es-ES_tradnl" sz="1200"/>
          </a:p>
        </p:txBody>
      </p:sp>
      <p:sp>
        <p:nvSpPr>
          <p:cNvPr id="41" name="TextBox 41"/>
          <p:cNvSpPr txBox="1"/>
          <p:nvPr/>
        </p:nvSpPr>
        <p:spPr>
          <a:xfrm>
            <a:off x="4952225" y="6579019"/>
            <a:ext cx="2397621" cy="238720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1960"/>
              </a:lnSpc>
            </a:pPr>
            <a:r>
              <a:rPr lang="en-US" sz="1400">
                <a:solidFill>
                  <a:srgbClr val="F8F7F7"/>
                </a:solidFill>
                <a:latin typeface="Open Sans"/>
              </a:rPr>
              <a:t>www.supertransporte.gov.co</a:t>
            </a:r>
          </a:p>
        </p:txBody>
      </p:sp>
      <p:sp>
        <p:nvSpPr>
          <p:cNvPr id="43" name="TextBox 19">
            <a:extLst>
              <a:ext uri="{FF2B5EF4-FFF2-40B4-BE49-F238E27FC236}">
                <a16:creationId xmlns:a16="http://schemas.microsoft.com/office/drawing/2014/main" id="{F6A2318C-5767-8AD1-AEF9-E8385CD9682B}"/>
              </a:ext>
            </a:extLst>
          </p:cNvPr>
          <p:cNvSpPr txBox="1"/>
          <p:nvPr/>
        </p:nvSpPr>
        <p:spPr>
          <a:xfrm>
            <a:off x="2180977" y="222744"/>
            <a:ext cx="6600061" cy="100598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ctr">
              <a:lnSpc>
                <a:spcPts val="4130"/>
              </a:lnSpc>
            </a:pPr>
            <a:r>
              <a:rPr lang="es-ES_tradnl" sz="2800" b="1" err="1">
                <a:solidFill>
                  <a:srgbClr val="000000"/>
                </a:solidFill>
                <a:latin typeface="Raleway Bold"/>
              </a:rPr>
              <a:t>Evasion</a:t>
            </a:r>
            <a:r>
              <a:rPr lang="es-ES_tradnl" sz="2800" b="1">
                <a:solidFill>
                  <a:srgbClr val="000000"/>
                </a:solidFill>
                <a:latin typeface="Raleway Bold"/>
              </a:rPr>
              <a:t> SOAT / RTM – Departamento del Magdalena</a:t>
            </a:r>
          </a:p>
        </p:txBody>
      </p:sp>
      <p:pic>
        <p:nvPicPr>
          <p:cNvPr id="8" name="Imagen 7">
            <a:extLst>
              <a:ext uri="{FF2B5EF4-FFF2-40B4-BE49-F238E27FC236}">
                <a16:creationId xmlns:a16="http://schemas.microsoft.com/office/drawing/2014/main" id="{A068360E-249B-AA74-CD8F-AD6074E88E2A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25272"/>
          <a:stretch/>
        </p:blipFill>
        <p:spPr>
          <a:xfrm>
            <a:off x="5571168" y="2679163"/>
            <a:ext cx="6343785" cy="3404022"/>
          </a:xfrm>
          <a:prstGeom prst="rect">
            <a:avLst/>
          </a:prstGeom>
        </p:spPr>
      </p:pic>
      <p:pic>
        <p:nvPicPr>
          <p:cNvPr id="9" name="Imagen 8">
            <a:extLst>
              <a:ext uri="{FF2B5EF4-FFF2-40B4-BE49-F238E27FC236}">
                <a16:creationId xmlns:a16="http://schemas.microsoft.com/office/drawing/2014/main" id="{89304D7D-8055-B8AD-2460-BCC3B55A0ACE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74126" t="2759" r="2608" b="80007"/>
          <a:stretch/>
        </p:blipFill>
        <p:spPr>
          <a:xfrm>
            <a:off x="10199389" y="1550605"/>
            <a:ext cx="1637980" cy="871246"/>
          </a:xfrm>
          <a:prstGeom prst="rect">
            <a:avLst/>
          </a:prstGeom>
        </p:spPr>
      </p:pic>
      <p:sp>
        <p:nvSpPr>
          <p:cNvPr id="10" name="CuadroTexto 9">
            <a:extLst>
              <a:ext uri="{FF2B5EF4-FFF2-40B4-BE49-F238E27FC236}">
                <a16:creationId xmlns:a16="http://schemas.microsoft.com/office/drawing/2014/main" id="{1D66D6AF-031E-7C93-2609-EB1FB29AC075}"/>
              </a:ext>
            </a:extLst>
          </p:cNvPr>
          <p:cNvSpPr txBox="1"/>
          <p:nvPr/>
        </p:nvSpPr>
        <p:spPr>
          <a:xfrm>
            <a:off x="5654560" y="1914335"/>
            <a:ext cx="4167209" cy="461665"/>
          </a:xfrm>
          <a:prstGeom prst="rect">
            <a:avLst/>
          </a:prstGeom>
          <a:solidFill>
            <a:schemeClr val="accent3">
              <a:lumMod val="50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s-CO" sz="1200" b="1" kern="100">
                <a:solidFill>
                  <a:schemeClr val="bg1"/>
                </a:solidFill>
                <a:effectLst/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Vehículos con mas de 6 años sin SOAT y RTM Vigente en el Departamento del Magdalena</a:t>
            </a:r>
            <a:r>
              <a:rPr lang="es-CO" sz="1200" kern="100">
                <a:solidFill>
                  <a:schemeClr val="bg1"/>
                </a:solidFill>
                <a:latin typeface="Verdana" panose="020B0604030504040204" pitchFamily="34" charset="0"/>
                <a:ea typeface="Yu Mincho" panose="02020400000000000000" pitchFamily="18" charset="-128"/>
                <a:cs typeface="Calibri" panose="020F0502020204030204" pitchFamily="34" charset="0"/>
              </a:rPr>
              <a:t>”</a:t>
            </a:r>
            <a:endParaRPr lang="es-ES_tradnl" sz="1200" kern="100">
              <a:solidFill>
                <a:schemeClr val="bg1"/>
              </a:solidFill>
              <a:latin typeface="Verdana" panose="020B0604030504040204" pitchFamily="34" charset="0"/>
              <a:ea typeface="Yu Mincho" panose="02020400000000000000" pitchFamily="18" charset="-128"/>
              <a:cs typeface="Calibri" panose="020F0502020204030204" pitchFamily="34" charset="0"/>
            </a:endParaRPr>
          </a:p>
        </p:txBody>
      </p:sp>
      <p:sp>
        <p:nvSpPr>
          <p:cNvPr id="11" name="Freeform 2">
            <a:extLst>
              <a:ext uri="{FF2B5EF4-FFF2-40B4-BE49-F238E27FC236}">
                <a16:creationId xmlns:a16="http://schemas.microsoft.com/office/drawing/2014/main" id="{60F7AC39-AFDB-83E8-8201-27E96A1C4C46}"/>
              </a:ext>
            </a:extLst>
          </p:cNvPr>
          <p:cNvSpPr/>
          <p:nvPr/>
        </p:nvSpPr>
        <p:spPr>
          <a:xfrm>
            <a:off x="199697" y="2093173"/>
            <a:ext cx="4993851" cy="4284832"/>
          </a:xfrm>
          <a:custGeom>
            <a:avLst/>
            <a:gdLst/>
            <a:ahLst/>
            <a:cxnLst/>
            <a:rect l="l" t="t" r="r" b="b"/>
            <a:pathLst>
              <a:path w="10258831" h="4680296">
                <a:moveTo>
                  <a:pt x="0" y="0"/>
                </a:moveTo>
                <a:lnTo>
                  <a:pt x="10258831" y="0"/>
                </a:lnTo>
                <a:lnTo>
                  <a:pt x="10258831" y="4680296"/>
                </a:lnTo>
                <a:lnTo>
                  <a:pt x="0" y="4680296"/>
                </a:lnTo>
                <a:lnTo>
                  <a:pt x="0" y="0"/>
                </a:lnTo>
                <a:close/>
              </a:path>
            </a:pathLst>
          </a:custGeom>
          <a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/>
          </a:p>
        </p:txBody>
      </p:sp>
      <p:grpSp>
        <p:nvGrpSpPr>
          <p:cNvPr id="12" name="Group 12">
            <a:extLst>
              <a:ext uri="{FF2B5EF4-FFF2-40B4-BE49-F238E27FC236}">
                <a16:creationId xmlns:a16="http://schemas.microsoft.com/office/drawing/2014/main" id="{0F5B6AE8-1E62-EACA-1FEB-0535883CD056}"/>
              </a:ext>
            </a:extLst>
          </p:cNvPr>
          <p:cNvGrpSpPr/>
          <p:nvPr/>
        </p:nvGrpSpPr>
        <p:grpSpPr>
          <a:xfrm>
            <a:off x="354631" y="1435053"/>
            <a:ext cx="3652692" cy="544487"/>
            <a:chOff x="0" y="0"/>
            <a:chExt cx="1245379" cy="142631"/>
          </a:xfrm>
        </p:grpSpPr>
        <p:sp>
          <p:nvSpPr>
            <p:cNvPr id="13" name="Freeform 13">
              <a:extLst>
                <a:ext uri="{FF2B5EF4-FFF2-40B4-BE49-F238E27FC236}">
                  <a16:creationId xmlns:a16="http://schemas.microsoft.com/office/drawing/2014/main" id="{D5A92B63-2C0F-AC8C-ED24-1F162B830194}"/>
                </a:ext>
              </a:extLst>
            </p:cNvPr>
            <p:cNvSpPr/>
            <p:nvPr/>
          </p:nvSpPr>
          <p:spPr>
            <a:xfrm>
              <a:off x="0" y="0"/>
              <a:ext cx="1245379" cy="142631"/>
            </a:xfrm>
            <a:custGeom>
              <a:avLst/>
              <a:gdLst/>
              <a:ahLst/>
              <a:cxnLst/>
              <a:rect l="l" t="t" r="r" b="b"/>
              <a:pathLst>
                <a:path w="1245379" h="142631">
                  <a:moveTo>
                    <a:pt x="71315" y="0"/>
                  </a:moveTo>
                  <a:lnTo>
                    <a:pt x="1174063" y="0"/>
                  </a:lnTo>
                  <a:cubicBezTo>
                    <a:pt x="1192977" y="0"/>
                    <a:pt x="1211117" y="7514"/>
                    <a:pt x="1224491" y="20888"/>
                  </a:cubicBezTo>
                  <a:cubicBezTo>
                    <a:pt x="1237865" y="34262"/>
                    <a:pt x="1245379" y="52401"/>
                    <a:pt x="1245379" y="71315"/>
                  </a:cubicBezTo>
                  <a:lnTo>
                    <a:pt x="1245379" y="71315"/>
                  </a:lnTo>
                  <a:cubicBezTo>
                    <a:pt x="1245379" y="90229"/>
                    <a:pt x="1237865" y="108369"/>
                    <a:pt x="1224491" y="121743"/>
                  </a:cubicBezTo>
                  <a:cubicBezTo>
                    <a:pt x="1211117" y="135117"/>
                    <a:pt x="1192977" y="142631"/>
                    <a:pt x="1174063" y="142631"/>
                  </a:cubicBezTo>
                  <a:lnTo>
                    <a:pt x="71315" y="142631"/>
                  </a:lnTo>
                  <a:cubicBezTo>
                    <a:pt x="52401" y="142631"/>
                    <a:pt x="34262" y="135117"/>
                    <a:pt x="20888" y="121743"/>
                  </a:cubicBezTo>
                  <a:cubicBezTo>
                    <a:pt x="7514" y="108369"/>
                    <a:pt x="0" y="90229"/>
                    <a:pt x="0" y="71315"/>
                  </a:cubicBezTo>
                  <a:lnTo>
                    <a:pt x="0" y="71315"/>
                  </a:lnTo>
                  <a:cubicBezTo>
                    <a:pt x="0" y="52401"/>
                    <a:pt x="7514" y="34262"/>
                    <a:pt x="20888" y="20888"/>
                  </a:cubicBezTo>
                  <a:cubicBezTo>
                    <a:pt x="34262" y="7514"/>
                    <a:pt x="52401" y="0"/>
                    <a:pt x="71315" y="0"/>
                  </a:cubicBezTo>
                  <a:close/>
                </a:path>
              </a:pathLst>
            </a:custGeom>
            <a:solidFill>
              <a:srgbClr val="48808A"/>
            </a:solidFill>
          </p:spPr>
          <p:txBody>
            <a:bodyPr/>
            <a:lstStyle/>
            <a:p>
              <a:endParaRPr lang="es-ES_tradnl" sz="2400"/>
            </a:p>
          </p:txBody>
        </p:sp>
        <p:sp>
          <p:nvSpPr>
            <p:cNvPr id="14" name="TextBox 14">
              <a:extLst>
                <a:ext uri="{FF2B5EF4-FFF2-40B4-BE49-F238E27FC236}">
                  <a16:creationId xmlns:a16="http://schemas.microsoft.com/office/drawing/2014/main" id="{0513B7C2-9B6D-3174-82FB-4CC23C466D07}"/>
                </a:ext>
              </a:extLst>
            </p:cNvPr>
            <p:cNvSpPr txBox="1"/>
            <p:nvPr/>
          </p:nvSpPr>
          <p:spPr>
            <a:xfrm>
              <a:off x="0" y="9145"/>
              <a:ext cx="1245379" cy="133485"/>
            </a:xfrm>
            <a:prstGeom prst="rect">
              <a:avLst/>
            </a:prstGeom>
          </p:spPr>
          <p:txBody>
            <a:bodyPr lIns="50801" tIns="50801" rIns="50801" bIns="50801" rtlCol="0" anchor="ctr"/>
            <a:lstStyle/>
            <a:p>
              <a:pPr algn="ctr">
                <a:lnSpc>
                  <a:spcPts val="2660"/>
                </a:lnSpc>
              </a:pPr>
              <a:r>
                <a:rPr lang="en-US" sz="2400" spc="143">
                  <a:solidFill>
                    <a:srgbClr val="FFFFFF"/>
                  </a:solidFill>
                  <a:latin typeface="Open Sans Bold"/>
                </a:rPr>
                <a:t>Evasion SOAT y RTM</a:t>
              </a:r>
            </a:p>
          </p:txBody>
        </p:sp>
      </p:grpSp>
      <p:sp>
        <p:nvSpPr>
          <p:cNvPr id="15" name="TextBox 3">
            <a:extLst>
              <a:ext uri="{FF2B5EF4-FFF2-40B4-BE49-F238E27FC236}">
                <a16:creationId xmlns:a16="http://schemas.microsoft.com/office/drawing/2014/main" id="{69171863-74DB-A984-E2D6-28E5CA2F0498}"/>
              </a:ext>
            </a:extLst>
          </p:cNvPr>
          <p:cNvSpPr txBox="1"/>
          <p:nvPr/>
        </p:nvSpPr>
        <p:spPr>
          <a:xfrm>
            <a:off x="277047" y="2263937"/>
            <a:ext cx="4916501" cy="3909725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just">
              <a:lnSpc>
                <a:spcPts val="2231"/>
              </a:lnSpc>
            </a:pPr>
            <a:r>
              <a:rPr lang="es-ES_tradnl" sz="1200" b="1">
                <a:solidFill>
                  <a:srgbClr val="000000"/>
                </a:solidFill>
                <a:latin typeface="Raleway Bold"/>
              </a:rPr>
              <a:t>Parque Automotor: 19.169.112</a:t>
            </a:r>
          </a:p>
          <a:p>
            <a:pPr algn="just">
              <a:lnSpc>
                <a:spcPts val="2231"/>
              </a:lnSpc>
            </a:pPr>
            <a:r>
              <a:rPr lang="es-ES_tradnl" sz="1200" b="1">
                <a:solidFill>
                  <a:srgbClr val="000000"/>
                </a:solidFill>
                <a:latin typeface="Raleway Bold"/>
              </a:rPr>
              <a:t>SOAT / RTM Vigente: 9.919.265 ( 52 % )</a:t>
            </a:r>
          </a:p>
          <a:p>
            <a:pPr algn="just">
              <a:lnSpc>
                <a:spcPts val="2231"/>
              </a:lnSpc>
            </a:pPr>
            <a:r>
              <a:rPr lang="es-ES_tradnl" sz="1200" b="1">
                <a:solidFill>
                  <a:srgbClr val="000000"/>
                </a:solidFill>
                <a:latin typeface="Raleway Bold"/>
              </a:rPr>
              <a:t>SOAT / RTM NO Vigente: 9.249.847 ( 48 % )</a:t>
            </a:r>
          </a:p>
          <a:p>
            <a:pPr algn="just">
              <a:lnSpc>
                <a:spcPts val="2231"/>
              </a:lnSpc>
            </a:pPr>
            <a:endParaRPr lang="es-ES_tradnl" sz="1200" b="1">
              <a:solidFill>
                <a:srgbClr val="000000"/>
              </a:solidFill>
              <a:latin typeface="Raleway Bold"/>
            </a:endParaRPr>
          </a:p>
          <a:p>
            <a:pPr algn="just">
              <a:lnSpc>
                <a:spcPts val="2231"/>
              </a:lnSpc>
            </a:pPr>
            <a:r>
              <a:rPr lang="es-ES_tradnl" sz="1200" b="1">
                <a:solidFill>
                  <a:srgbClr val="000000"/>
                </a:solidFill>
                <a:latin typeface="Raleway Bold"/>
              </a:rPr>
              <a:t>Acciones :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>
                <a:solidFill>
                  <a:srgbClr val="000000"/>
                </a:solidFill>
                <a:latin typeface="Raleway Bold"/>
              </a:rPr>
              <a:t>66.500</a:t>
            </a:r>
            <a:r>
              <a:rPr lang="es-ES_tradnl" sz="1100">
                <a:solidFill>
                  <a:srgbClr val="000000"/>
                </a:solidFill>
                <a:latin typeface="Raleway Bold"/>
              </a:rPr>
              <a:t> mensajes enviados a entidades públicas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>
                <a:solidFill>
                  <a:srgbClr val="000000"/>
                </a:solidFill>
                <a:latin typeface="Raleway Bold"/>
              </a:rPr>
              <a:t>3.128</a:t>
            </a:r>
            <a:r>
              <a:rPr lang="es-ES_tradnl" sz="1100">
                <a:solidFill>
                  <a:srgbClr val="000000"/>
                </a:solidFill>
                <a:latin typeface="Raleway Bold"/>
              </a:rPr>
              <a:t> mensajes enviados a misiones diplomáticas u organismos multilaterales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>
                <a:solidFill>
                  <a:srgbClr val="000000"/>
                </a:solidFill>
                <a:latin typeface="Raleway Bold"/>
              </a:rPr>
              <a:t>238.000</a:t>
            </a:r>
            <a:r>
              <a:rPr lang="es-ES_tradnl" sz="1100">
                <a:solidFill>
                  <a:srgbClr val="000000"/>
                </a:solidFill>
                <a:latin typeface="Raleway Bold"/>
              </a:rPr>
              <a:t> mensajes enviados a empresas de transporte publico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 b="1">
                <a:solidFill>
                  <a:srgbClr val="000000"/>
                </a:solidFill>
                <a:latin typeface="Raleway Bold"/>
              </a:rPr>
              <a:t>9.607</a:t>
            </a:r>
            <a:r>
              <a:rPr lang="es-ES_tradnl" sz="1100">
                <a:solidFill>
                  <a:srgbClr val="000000"/>
                </a:solidFill>
                <a:latin typeface="Raleway Bold"/>
              </a:rPr>
              <a:t> mensajes enviados a propietarios de vehículos (servicio público)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1100">
                <a:solidFill>
                  <a:srgbClr val="000000"/>
                </a:solidFill>
                <a:latin typeface="Raleway Bold"/>
              </a:rPr>
              <a:t>Envió de 947.000 de mensajes de texto a propietarios</a:t>
            </a:r>
            <a:endParaRPr lang="es-ES_tradnl" sz="1200" b="1">
              <a:solidFill>
                <a:srgbClr val="000000"/>
              </a:solidFill>
              <a:latin typeface="Raleway Bold"/>
            </a:endParaRPr>
          </a:p>
          <a:p>
            <a:pPr algn="just">
              <a:lnSpc>
                <a:spcPts val="2231"/>
              </a:lnSpc>
            </a:pPr>
            <a:r>
              <a:rPr lang="es-ES_tradnl" sz="1200" b="1">
                <a:solidFill>
                  <a:srgbClr val="000000"/>
                </a:solidFill>
                <a:latin typeface="Raleway Bold"/>
              </a:rPr>
              <a:t>Conclusión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900">
                <a:solidFill>
                  <a:srgbClr val="000000"/>
                </a:solidFill>
                <a:latin typeface="Raleway Bold"/>
              </a:rPr>
              <a:t>Disminución de la evasión del SOAT/RTM  </a:t>
            </a:r>
            <a:r>
              <a:rPr lang="es-ES_tradnl" sz="900">
                <a:solidFill>
                  <a:srgbClr val="000000"/>
                </a:solidFill>
                <a:latin typeface="Raleway Bold"/>
                <a:sym typeface="Wingdings" pitchFamily="2" charset="2"/>
              </a:rPr>
              <a:t> </a:t>
            </a:r>
            <a:r>
              <a:rPr lang="es-ES_tradnl" sz="900">
                <a:solidFill>
                  <a:srgbClr val="000000"/>
                </a:solidFill>
                <a:latin typeface="Raleway Bold"/>
              </a:rPr>
              <a:t>51% (</a:t>
            </a:r>
            <a:r>
              <a:rPr lang="es-ES_tradnl" sz="900" err="1">
                <a:solidFill>
                  <a:srgbClr val="000000"/>
                </a:solidFill>
                <a:latin typeface="Raleway Bold"/>
              </a:rPr>
              <a:t>Sep</a:t>
            </a:r>
            <a:r>
              <a:rPr lang="es-ES_tradnl" sz="900">
                <a:solidFill>
                  <a:srgbClr val="000000"/>
                </a:solidFill>
                <a:latin typeface="Raleway Bold"/>
              </a:rPr>
              <a:t> 2022) al 47% (febrero 2024) </a:t>
            </a:r>
          </a:p>
          <a:p>
            <a:pPr marL="344084" lvl="1" indent="-172041" algn="just">
              <a:lnSpc>
                <a:spcPts val="2231"/>
              </a:lnSpc>
              <a:buFont typeface="Arial"/>
              <a:buChar char="•"/>
            </a:pPr>
            <a:r>
              <a:rPr lang="es-ES_tradnl" sz="900">
                <a:solidFill>
                  <a:srgbClr val="000000"/>
                </a:solidFill>
                <a:latin typeface="Raleway Bold"/>
              </a:rPr>
              <a:t>Se identifico que el </a:t>
            </a:r>
            <a:r>
              <a:rPr lang="es-ES_tradnl" sz="900" b="1">
                <a:solidFill>
                  <a:srgbClr val="000000"/>
                </a:solidFill>
                <a:latin typeface="Raleway Bold"/>
              </a:rPr>
              <a:t>55% de vehículos llevan más de 6 años sin SOAT (4.903.692 Vehículos) presuntamente se encuentran inmovilizados </a:t>
            </a:r>
          </a:p>
        </p:txBody>
      </p:sp>
      <p:sp>
        <p:nvSpPr>
          <p:cNvPr id="16" name="Freeform 9">
            <a:extLst>
              <a:ext uri="{FF2B5EF4-FFF2-40B4-BE49-F238E27FC236}">
                <a16:creationId xmlns:a16="http://schemas.microsoft.com/office/drawing/2014/main" id="{5DE3260D-185B-246B-CC09-223DFCCF82B2}"/>
              </a:ext>
            </a:extLst>
          </p:cNvPr>
          <p:cNvSpPr/>
          <p:nvPr/>
        </p:nvSpPr>
        <p:spPr>
          <a:xfrm>
            <a:off x="7573663" y="966066"/>
            <a:ext cx="898601" cy="720209"/>
          </a:xfrm>
          <a:custGeom>
            <a:avLst/>
            <a:gdLst/>
            <a:ahLst/>
            <a:cxnLst/>
            <a:rect l="l" t="t" r="r" b="b"/>
            <a:pathLst>
              <a:path w="1925945" h="2060836">
                <a:moveTo>
                  <a:pt x="0" y="0"/>
                </a:moveTo>
                <a:lnTo>
                  <a:pt x="1925945" y="0"/>
                </a:lnTo>
                <a:lnTo>
                  <a:pt x="1925945" y="2060836"/>
                </a:lnTo>
                <a:lnTo>
                  <a:pt x="0" y="2060836"/>
                </a:lnTo>
                <a:lnTo>
                  <a:pt x="0" y="0"/>
                </a:lnTo>
                <a:close/>
              </a:path>
            </a:pathLst>
          </a:custGeom>
          <a:blipFill>
            <a:blip r:embed="rId8">
              <a:extLst>
                <a:ext uri="{96DAC541-7B7A-43D3-8B79-37D633B846F1}">
                  <asvg:svgBlip xmlns:asvg="http://schemas.microsoft.com/office/drawing/2016/SVG/main" r:embed="rId9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es-ES_tradnl" sz="2700"/>
          </a:p>
        </p:txBody>
      </p:sp>
    </p:spTree>
    <p:extLst>
      <p:ext uri="{BB962C8B-B14F-4D97-AF65-F5344CB8AC3E}">
        <p14:creationId xmlns:p14="http://schemas.microsoft.com/office/powerpoint/2010/main" val="28177243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uadroTexto 2">
            <a:extLst>
              <a:ext uri="{FF2B5EF4-FFF2-40B4-BE49-F238E27FC236}">
                <a16:creationId xmlns:a16="http://schemas.microsoft.com/office/drawing/2014/main" id="{2EDE2EB4-D4F6-2764-8EA2-FEDBCB067E0A}"/>
              </a:ext>
            </a:extLst>
          </p:cNvPr>
          <p:cNvSpPr txBox="1"/>
          <p:nvPr/>
        </p:nvSpPr>
        <p:spPr>
          <a:xfrm>
            <a:off x="0" y="6396335"/>
            <a:ext cx="609797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s-MX" sz="900">
                <a:ln w="0"/>
                <a:latin typeface="Arial" panose="020B0604020202020204" pitchFamily="34" charset="0"/>
                <a:cs typeface="Arial" panose="020B0604020202020204" pitchFamily="34" charset="0"/>
              </a:rPr>
              <a:t>GCM-FR-005</a:t>
            </a:r>
          </a:p>
          <a:p>
            <a:r>
              <a:rPr lang="es-MX" sz="900" b="0" cap="none" spc="0">
                <a:ln w="0"/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1 – 23 –may-2023</a:t>
            </a:r>
            <a:endParaRPr lang="es-CO" sz="900"/>
          </a:p>
        </p:txBody>
      </p:sp>
      <p:sp>
        <p:nvSpPr>
          <p:cNvPr id="6" name="Elipse 5">
            <a:extLst>
              <a:ext uri="{FF2B5EF4-FFF2-40B4-BE49-F238E27FC236}">
                <a16:creationId xmlns:a16="http://schemas.microsoft.com/office/drawing/2014/main" id="{F0741AD1-2003-F214-6352-919F507BB09B}"/>
              </a:ext>
            </a:extLst>
          </p:cNvPr>
          <p:cNvSpPr/>
          <p:nvPr/>
        </p:nvSpPr>
        <p:spPr>
          <a:xfrm>
            <a:off x="587596" y="730132"/>
            <a:ext cx="1544500" cy="15445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CO"/>
          </a:p>
        </p:txBody>
      </p:sp>
      <p:pic>
        <p:nvPicPr>
          <p:cNvPr id="7" name="Imagen 6">
            <a:extLst>
              <a:ext uri="{FF2B5EF4-FFF2-40B4-BE49-F238E27FC236}">
                <a16:creationId xmlns:a16="http://schemas.microsoft.com/office/drawing/2014/main" id="{7B2E6BDA-6B77-EC12-2579-412A0FD846B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1046" y="803765"/>
            <a:ext cx="1677600" cy="1194451"/>
          </a:xfrm>
          <a:prstGeom prst="rect">
            <a:avLst/>
          </a:prstGeom>
        </p:spPr>
      </p:pic>
      <p:sp>
        <p:nvSpPr>
          <p:cNvPr id="8" name="CuadroTexto 7">
            <a:extLst>
              <a:ext uri="{FF2B5EF4-FFF2-40B4-BE49-F238E27FC236}">
                <a16:creationId xmlns:a16="http://schemas.microsoft.com/office/drawing/2014/main" id="{7447D507-5BE5-134E-02EA-5DFB95C0EBA4}"/>
              </a:ext>
            </a:extLst>
          </p:cNvPr>
          <p:cNvSpPr txBox="1"/>
          <p:nvPr/>
        </p:nvSpPr>
        <p:spPr>
          <a:xfrm>
            <a:off x="1430184" y="2513072"/>
            <a:ext cx="6904653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s-CO" sz="4400" b="1">
                <a:solidFill>
                  <a:schemeClr val="bg1"/>
                </a:solidFill>
                <a:latin typeface="Nunito" pitchFamily="2" charset="0"/>
              </a:rPr>
              <a:t>Resultado validación pólizas - 2023 </a:t>
            </a:r>
          </a:p>
        </p:txBody>
      </p:sp>
      <p:cxnSp>
        <p:nvCxnSpPr>
          <p:cNvPr id="9" name="Conector recto 8">
            <a:extLst>
              <a:ext uri="{FF2B5EF4-FFF2-40B4-BE49-F238E27FC236}">
                <a16:creationId xmlns:a16="http://schemas.microsoft.com/office/drawing/2014/main" id="{94AB79D8-77AF-CFA1-FD39-835870CF19C6}"/>
              </a:ext>
            </a:extLst>
          </p:cNvPr>
          <p:cNvCxnSpPr>
            <a:cxnSpLocks/>
          </p:cNvCxnSpPr>
          <p:nvPr/>
        </p:nvCxnSpPr>
        <p:spPr>
          <a:xfrm>
            <a:off x="1005282" y="4289676"/>
            <a:ext cx="7259217" cy="0"/>
          </a:xfrm>
          <a:prstGeom prst="line">
            <a:avLst/>
          </a:prstGeom>
          <a:ln w="571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4063363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Tema de Offic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ema de Offic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1575ee04-a3eb-4b55-9013-79c8ea199ed3">
      <Terms xmlns="http://schemas.microsoft.com/office/infopath/2007/PartnerControls"/>
    </lcf76f155ced4ddcb4097134ff3c332f>
    <TaxCatchAll xmlns="07430b0e-3795-4a85-8387-4dbe1ebc948f" xsi:nil="true"/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06EEDA0F55372E4891A89A2BE54F794D" ma:contentTypeVersion="14" ma:contentTypeDescription="Crear nuevo documento." ma:contentTypeScope="" ma:versionID="ba04d2501b9b02b3ca323c26b0e1fb3c">
  <xsd:schema xmlns:xsd="http://www.w3.org/2001/XMLSchema" xmlns:xs="http://www.w3.org/2001/XMLSchema" xmlns:p="http://schemas.microsoft.com/office/2006/metadata/properties" xmlns:ns2="1575ee04-a3eb-4b55-9013-79c8ea199ed3" xmlns:ns3="07430b0e-3795-4a85-8387-4dbe1ebc948f" targetNamespace="http://schemas.microsoft.com/office/2006/metadata/properties" ma:root="true" ma:fieldsID="12fd2e6318e00d006c4698f89388b21f" ns2:_="" ns3:_="">
    <xsd:import namespace="1575ee04-a3eb-4b55-9013-79c8ea199ed3"/>
    <xsd:import namespace="07430b0e-3795-4a85-8387-4dbe1ebc948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lcf76f155ced4ddcb4097134ff3c332f" minOccurs="0"/>
                <xsd:element ref="ns3:TaxCatchAll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575ee04-a3eb-4b55-9013-79c8ea199ed3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lcf76f155ced4ddcb4097134ff3c332f" ma:index="19" nillable="true" ma:taxonomy="true" ma:internalName="lcf76f155ced4ddcb4097134ff3c332f" ma:taxonomyFieldName="MediaServiceImageTags" ma:displayName="Etiquetas de imagen" ma:readOnly="false" ma:fieldId="{5cf76f15-5ced-4ddc-b409-7134ff3c332f}" ma:taxonomyMulti="true" ma:sspId="dbcad680-5a29-4d0b-8086-9ecf1ca567a9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CR" ma:index="2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7430b0e-3795-4a85-8387-4dbe1ebc948f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Compartido con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Detalles de uso compartido" ma:internalName="SharedWithDetails" ma:readOnly="true">
      <xsd:simpleType>
        <xsd:restriction base="dms:Note">
          <xsd:maxLength value="255"/>
        </xsd:restriction>
      </xsd:simpleType>
    </xsd:element>
    <xsd:element name="TaxCatchAll" ma:index="20" nillable="true" ma:displayName="Taxonomy Catch All Column" ma:hidden="true" ma:list="{3a35812d-a7a1-4f6c-ad1c-c9a28e6ec501}" ma:internalName="TaxCatchAll" ma:showField="CatchAllData" ma:web="07430b0e-3795-4a85-8387-4dbe1ebc948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e contenido"/>
        <xsd:element ref="dc:title" minOccurs="0" maxOccurs="1" ma:index="4" ma:displayName="Títu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ECE6F32-AFE8-475D-9920-B5B93D6F3FA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6740438-D230-4975-9AF6-230CFB4B76F2}">
  <ds:schemaRefs>
    <ds:schemaRef ds:uri="07430b0e-3795-4a85-8387-4dbe1ebc948f"/>
    <ds:schemaRef ds:uri="1575ee04-a3eb-4b55-9013-79c8ea199ed3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A2FC29D7-11A8-4986-A109-EDD78B8E4E5E}"/>
</file>

<file path=docProps/app.xml><?xml version="1.0" encoding="utf-8"?>
<Properties xmlns="http://schemas.openxmlformats.org/officeDocument/2006/extended-properties" xmlns:vt="http://schemas.openxmlformats.org/officeDocument/2006/docPropsVTypes">
  <Template>PI- PESV Ministro</Template>
  <Application>Microsoft Office PowerPoint</Application>
  <PresentationFormat>Widescreen</PresentationFormat>
  <Slides>23</Slides>
  <Notes>0</Notes>
  <HiddenSlides>0</HiddenSlide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23</vt:i4>
      </vt:variant>
    </vt:vector>
  </HeadingPairs>
  <TitlesOfParts>
    <vt:vector size="25" baseType="lpstr">
      <vt:lpstr>Tema de Office</vt:lpstr>
      <vt:lpstr>1_Tema de Offic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ción de PowerPoint</dc:title>
  <dc:creator>Geraldinne Yizeth Mendoza Rodriguez</dc:creator>
  <cp:revision>1</cp:revision>
  <dcterms:created xsi:type="dcterms:W3CDTF">2024-03-07T01:29:01Z</dcterms:created>
  <dcterms:modified xsi:type="dcterms:W3CDTF">2024-04-24T17:22:4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6EEDA0F55372E4891A89A2BE54F794D</vt:lpwstr>
  </property>
</Properties>
</file>